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405"/>
  <workbookPr codeName="ThisWorkbook"/>
  <mc:AlternateContent xmlns:mc="http://schemas.openxmlformats.org/markup-compatibility/2006">
    <mc:Choice Requires="x15">
      <x15ac:absPath xmlns:x15ac="http://schemas.microsoft.com/office/spreadsheetml/2010/11/ac" url="\\city.saku-int.nagano.jp\userdata\redirect\s2515\Downloads\"/>
    </mc:Choice>
  </mc:AlternateContent>
  <xr:revisionPtr revIDLastSave="0" documentId="13_ncr:1_{858AB2E6-8A6C-486D-B7A5-8E4F247F1EE9}" xr6:coauthVersionLast="36" xr6:coauthVersionMax="36" xr10:uidLastSave="{00000000-0000-0000-0000-000000000000}"/>
  <bookViews>
    <workbookView xWindow="0" yWindow="0" windowWidth="17256" windowHeight="5292" firstSheet="1" activeTab="1" xr2:uid="{00000000-000D-0000-FFFF-FFFF00000000}"/>
  </bookViews>
  <sheets>
    <sheet name="Sheet2" sheetId="8" state="hidden" r:id="rId1"/>
    <sheet name="申込書(A4　両面）一般事務補助" sheetId="10" r:id="rId2"/>
    <sheet name="申込書(A4　両面）一般事務補助(障がいのある方)" sheetId="11" state="hidden" r:id="rId3"/>
    <sheet name="申込書(A4　両面）記入例" sheetId="13" r:id="rId4"/>
  </sheets>
  <definedNames>
    <definedName name="_xlnm.Print_Area" localSheetId="1">'申込書(A4　両面）一般事務補助'!$A$2:$BB$46</definedName>
    <definedName name="_xlnm.Print_Area" localSheetId="2">'申込書(A4　両面）一般事務補助(障がいのある方)'!$A$2:$BB$46</definedName>
    <definedName name="_xlnm.Print_Area" localSheetId="3">'申込書(A4　両面）記入例'!$A$2:$BB$46</definedName>
  </definedNames>
  <calcPr calcId="191029"/>
</workbook>
</file>

<file path=xl/sharedStrings.xml><?xml version="1.0" encoding="utf-8"?>
<sst xmlns="http://schemas.openxmlformats.org/spreadsheetml/2006/main" count="770" uniqueCount="152">
  <si>
    <t>年</t>
    <rPh sb="0" eb="1">
      <t>ネン</t>
    </rPh>
    <phoneticPr fontId="2"/>
  </si>
  <si>
    <t>月</t>
    <rPh sb="0" eb="1">
      <t>ガツ</t>
    </rPh>
    <phoneticPr fontId="2"/>
  </si>
  <si>
    <t>氏　　　名</t>
    <rPh sb="0" eb="1">
      <t>シ</t>
    </rPh>
    <rPh sb="4" eb="5">
      <t>メイ</t>
    </rPh>
    <phoneticPr fontId="2"/>
  </si>
  <si>
    <t>写真を貼る位置</t>
    <rPh sb="0" eb="2">
      <t>シャシン</t>
    </rPh>
    <rPh sb="3" eb="4">
      <t>ハ</t>
    </rPh>
    <rPh sb="5" eb="7">
      <t>イチ</t>
    </rPh>
    <phoneticPr fontId="2"/>
  </si>
  <si>
    <t>（満</t>
    <rPh sb="1" eb="2">
      <t>マン</t>
    </rPh>
    <phoneticPr fontId="2"/>
  </si>
  <si>
    <t>才）</t>
    <rPh sb="0" eb="1">
      <t>サイ</t>
    </rPh>
    <phoneticPr fontId="2"/>
  </si>
  <si>
    <t>　　　貼付る</t>
    <rPh sb="3" eb="4">
      <t>ハ</t>
    </rPh>
    <rPh sb="4" eb="5">
      <t>ツ</t>
    </rPh>
    <phoneticPr fontId="2"/>
  </si>
  <si>
    <t>電話</t>
    <rPh sb="0" eb="2">
      <t>デンワ</t>
    </rPh>
    <phoneticPr fontId="2"/>
  </si>
  <si>
    <t>現　住　所</t>
    <rPh sb="0" eb="1">
      <t>ウツツ</t>
    </rPh>
    <rPh sb="2" eb="3">
      <t>ジュウ</t>
    </rPh>
    <rPh sb="4" eb="5">
      <t>ショ</t>
    </rPh>
    <phoneticPr fontId="2"/>
  </si>
  <si>
    <t>縦40㎜横30㎜</t>
    <rPh sb="0" eb="1">
      <t>タテ</t>
    </rPh>
    <rPh sb="4" eb="5">
      <t>ヨコ</t>
    </rPh>
    <phoneticPr fontId="2"/>
  </si>
  <si>
    <t>臨時職員（フルタイム）</t>
    <rPh sb="0" eb="2">
      <t>リンジ</t>
    </rPh>
    <rPh sb="2" eb="4">
      <t>ショクイン</t>
    </rPh>
    <phoneticPr fontId="2"/>
  </si>
  <si>
    <t>パート職員</t>
    <rPh sb="3" eb="5">
      <t>ショクイン</t>
    </rPh>
    <phoneticPr fontId="2"/>
  </si>
  <si>
    <t>嘱託職員</t>
    <rPh sb="0" eb="2">
      <t>ショクタク</t>
    </rPh>
    <rPh sb="2" eb="4">
      <t>ショクイン</t>
    </rPh>
    <phoneticPr fontId="2"/>
  </si>
  <si>
    <t>月額</t>
    <rPh sb="0" eb="2">
      <t>ゲツガク</t>
    </rPh>
    <phoneticPr fontId="2"/>
  </si>
  <si>
    <t>日額</t>
    <rPh sb="0" eb="1">
      <t>ニチ</t>
    </rPh>
    <rPh sb="1" eb="2">
      <t>ガク</t>
    </rPh>
    <phoneticPr fontId="2"/>
  </si>
  <si>
    <t>時給</t>
    <rPh sb="0" eb="2">
      <t>ジキュウ</t>
    </rPh>
    <phoneticPr fontId="2"/>
  </si>
  <si>
    <t>（</t>
    <phoneticPr fontId="2"/>
  </si>
  <si>
    <t>）</t>
    <phoneticPr fontId="2"/>
  </si>
  <si>
    <t>〒</t>
    <phoneticPr fontId="2"/>
  </si>
  <si>
    <t>（</t>
    <phoneticPr fontId="2"/>
  </si>
  <si>
    <t>－</t>
    <phoneticPr fontId="2"/>
  </si>
  <si>
    <t>有</t>
    <rPh sb="0" eb="1">
      <t>ア</t>
    </rPh>
    <phoneticPr fontId="2"/>
  </si>
  <si>
    <t>無</t>
    <rPh sb="0" eb="1">
      <t>ナ</t>
    </rPh>
    <phoneticPr fontId="2"/>
  </si>
  <si>
    <t>※</t>
    <phoneticPr fontId="2"/>
  </si>
  <si>
    <t>　１　写真のサイズ</t>
    <rPh sb="3" eb="5">
      <t>シャシン</t>
    </rPh>
    <phoneticPr fontId="2"/>
  </si>
  <si>
    <t>　２　本人単身胸から上</t>
    <rPh sb="3" eb="5">
      <t>ホンニン</t>
    </rPh>
    <rPh sb="5" eb="7">
      <t>タンシン</t>
    </rPh>
    <rPh sb="7" eb="8">
      <t>ムネ</t>
    </rPh>
    <rPh sb="10" eb="11">
      <t>ウエ</t>
    </rPh>
    <phoneticPr fontId="2"/>
  </si>
  <si>
    <t>　３　写真の裏に記名し</t>
    <rPh sb="3" eb="5">
      <t>シャシン</t>
    </rPh>
    <rPh sb="6" eb="7">
      <t>ウラ</t>
    </rPh>
    <rPh sb="8" eb="10">
      <t>キメイ</t>
    </rPh>
    <phoneticPr fontId="2"/>
  </si>
  <si>
    <t>卒業（中退）年月</t>
    <rPh sb="0" eb="2">
      <t>ソツギョウ</t>
    </rPh>
    <rPh sb="3" eb="5">
      <t>チュウタイ</t>
    </rPh>
    <rPh sb="6" eb="8">
      <t>ネンゲツ</t>
    </rPh>
    <phoneticPr fontId="2"/>
  </si>
  <si>
    <t>最終学歴</t>
    <rPh sb="0" eb="2">
      <t>サイシュウ</t>
    </rPh>
    <rPh sb="2" eb="4">
      <t>ガクレキ</t>
    </rPh>
    <phoneticPr fontId="2"/>
  </si>
  <si>
    <t>（※ 卒業・中退・在学中）</t>
    <rPh sb="3" eb="5">
      <t>ソツギョウ</t>
    </rPh>
    <rPh sb="6" eb="8">
      <t>チュウタイ</t>
    </rPh>
    <rPh sb="9" eb="12">
      <t>ザイガクチュウ</t>
    </rPh>
    <phoneticPr fontId="2"/>
  </si>
  <si>
    <t>佐久市役所での任用履歴</t>
    <rPh sb="0" eb="5">
      <t>サクシヤクショ</t>
    </rPh>
    <rPh sb="7" eb="9">
      <t>ニンヨウ</t>
    </rPh>
    <rPh sb="9" eb="11">
      <t>リレキ</t>
    </rPh>
    <phoneticPr fontId="2"/>
  </si>
  <si>
    <t>職員区分</t>
    <rPh sb="0" eb="2">
      <t>ショクイン</t>
    </rPh>
    <rPh sb="2" eb="4">
      <t>クブン</t>
    </rPh>
    <phoneticPr fontId="2"/>
  </si>
  <si>
    <t>在職期間</t>
    <rPh sb="0" eb="2">
      <t>ザイショク</t>
    </rPh>
    <rPh sb="2" eb="4">
      <t>キカン</t>
    </rPh>
    <phoneticPr fontId="2"/>
  </si>
  <si>
    <t>　　　　　</t>
    <phoneticPr fontId="2"/>
  </si>
  <si>
    <t>佐久市役所以外での職歴</t>
    <rPh sb="0" eb="5">
      <t>サクシヤクショ</t>
    </rPh>
    <rPh sb="5" eb="7">
      <t>イガイ</t>
    </rPh>
    <rPh sb="9" eb="11">
      <t>ショクレキ</t>
    </rPh>
    <phoneticPr fontId="2"/>
  </si>
  <si>
    <t>勤務先</t>
    <rPh sb="0" eb="3">
      <t>キンムサキ</t>
    </rPh>
    <phoneticPr fontId="2"/>
  </si>
  <si>
    <t>取得年月日</t>
    <rPh sb="0" eb="2">
      <t>シュトク</t>
    </rPh>
    <rPh sb="2" eb="5">
      <t>ネンガッピ</t>
    </rPh>
    <phoneticPr fontId="2"/>
  </si>
  <si>
    <t>月</t>
    <rPh sb="0" eb="1">
      <t>ツキ</t>
    </rPh>
    <phoneticPr fontId="2"/>
  </si>
  <si>
    <t>勤務内容</t>
    <rPh sb="0" eb="2">
      <t>キンム</t>
    </rPh>
    <rPh sb="2" eb="4">
      <t>ナイヨウ</t>
    </rPh>
    <phoneticPr fontId="2"/>
  </si>
  <si>
    <t>在職区分</t>
    <rPh sb="0" eb="2">
      <t>ザイショク</t>
    </rPh>
    <rPh sb="2" eb="4">
      <t>クブン</t>
    </rPh>
    <phoneticPr fontId="2"/>
  </si>
  <si>
    <t>　</t>
    <phoneticPr fontId="2"/>
  </si>
  <si>
    <t>在職中</t>
    <rPh sb="0" eb="3">
      <t>ザイショクチュウ</t>
    </rPh>
    <phoneticPr fontId="2"/>
  </si>
  <si>
    <t>※　</t>
    <phoneticPr fontId="2"/>
  </si>
  <si>
    <t>退職</t>
    <phoneticPr fontId="2"/>
  </si>
  <si>
    <t>雇用区分</t>
    <rPh sb="0" eb="2">
      <t>コヨウ</t>
    </rPh>
    <rPh sb="2" eb="4">
      <t>クブン</t>
    </rPh>
    <phoneticPr fontId="2"/>
  </si>
  <si>
    <t>派遣・その他（　　　）</t>
    <rPh sb="0" eb="2">
      <t>ハケン</t>
    </rPh>
    <rPh sb="5" eb="6">
      <t>タ</t>
    </rPh>
    <phoneticPr fontId="2"/>
  </si>
  <si>
    <t>※ できる ・ できない</t>
    <phoneticPr fontId="2"/>
  </si>
  <si>
    <t>佐久市役所で旧姓で働いたことがある場合→（旧姓：　　　　　）</t>
    <rPh sb="0" eb="3">
      <t>サクシ</t>
    </rPh>
    <rPh sb="3" eb="5">
      <t>ヤクショ</t>
    </rPh>
    <rPh sb="6" eb="8">
      <t>キュウセイ</t>
    </rPh>
    <rPh sb="9" eb="10">
      <t>ハタラ</t>
    </rPh>
    <rPh sb="17" eb="19">
      <t>バアイ</t>
    </rPh>
    <rPh sb="21" eb="23">
      <t>キュウセイ</t>
    </rPh>
    <phoneticPr fontId="2"/>
  </si>
  <si>
    <t>◆勤務可能日</t>
    <rPh sb="1" eb="3">
      <t>キンム</t>
    </rPh>
    <rPh sb="3" eb="5">
      <t>カノウ</t>
    </rPh>
    <rPh sb="5" eb="6">
      <t>ビ</t>
    </rPh>
    <phoneticPr fontId="2"/>
  </si>
  <si>
    <t>　勤務時間</t>
    <rPh sb="3" eb="5">
      <t>ジカン</t>
    </rPh>
    <phoneticPr fontId="2"/>
  </si>
  <si>
    <t>※</t>
    <phoneticPr fontId="2"/>
  </si>
  <si>
    <t>　ア 8：30～17：15（休憩1時間含）</t>
    <phoneticPr fontId="2"/>
  </si>
  <si>
    <t>　イ 9：00～16：00（休憩1時間含）</t>
    <phoneticPr fontId="2"/>
  </si>
  <si>
    <t>　ウ イ以外の希望時間（休憩含7時間の時間帯を下記に記載）</t>
    <phoneticPr fontId="2"/>
  </si>
  <si>
    <t xml:space="preserve"> 　（ 　　時　　分　～　　　時　　分　）</t>
    <rPh sb="9" eb="10">
      <t>フン</t>
    </rPh>
    <rPh sb="18" eb="19">
      <t>フン</t>
    </rPh>
    <phoneticPr fontId="2"/>
  </si>
  <si>
    <t>　エ その他（　           　　　　　　　　）</t>
    <phoneticPr fontId="2"/>
  </si>
  <si>
    <t>◆希望する区分（該当するものを○で囲む（複数選択可））</t>
    <phoneticPr fontId="2"/>
  </si>
  <si>
    <t>免　許　　・　　資　格</t>
    <rPh sb="0" eb="1">
      <t>メン</t>
    </rPh>
    <rPh sb="2" eb="3">
      <t>モト</t>
    </rPh>
    <rPh sb="8" eb="9">
      <t>シ</t>
    </rPh>
    <rPh sb="10" eb="11">
      <t>カク</t>
    </rPh>
    <phoneticPr fontId="2"/>
  </si>
  <si>
    <t>週</t>
    <rPh sb="0" eb="1">
      <t>シュウ</t>
    </rPh>
    <phoneticPr fontId="2"/>
  </si>
  <si>
    <t>日</t>
    <rPh sb="0" eb="1">
      <t>ニチ</t>
    </rPh>
    <phoneticPr fontId="2"/>
  </si>
  <si>
    <t>　Ａ フルタイム　　　　→</t>
    <phoneticPr fontId="2"/>
  </si>
  <si>
    <t>　Ｂ ６時間パート　　　→</t>
    <phoneticPr fontId="2"/>
  </si>
  <si>
    <t>　Ｃ その他（　　　　）→</t>
    <phoneticPr fontId="2"/>
  </si>
  <si>
    <t xml:space="preserve"> 勤務地</t>
    <phoneticPr fontId="2"/>
  </si>
  <si>
    <t xml:space="preserve"> 勤務可能日数</t>
    <rPh sb="1" eb="3">
      <t>キンム</t>
    </rPh>
    <rPh sb="3" eb="5">
      <t>カノウ</t>
    </rPh>
    <rPh sb="5" eb="7">
      <t>ニッスウ</t>
    </rPh>
    <phoneticPr fontId="2"/>
  </si>
  <si>
    <t xml:space="preserve"> 任用形態</t>
    <rPh sb="1" eb="3">
      <t>ニンヨウ</t>
    </rPh>
    <rPh sb="3" eb="5">
      <t>ケイタイ</t>
    </rPh>
    <phoneticPr fontId="2"/>
  </si>
  <si>
    <t xml:space="preserve"> 職 　種</t>
    <phoneticPr fontId="2"/>
  </si>
  <si>
    <t>正規・臨時</t>
    <rPh sb="0" eb="2">
      <t>セイキ</t>
    </rPh>
    <rPh sb="3" eb="5">
      <t>リンジ</t>
    </rPh>
    <phoneticPr fontId="2"/>
  </si>
  <si>
    <t>昭和・平成・令和</t>
    <rPh sb="0" eb="2">
      <t>ショウワ</t>
    </rPh>
    <rPh sb="3" eb="5">
      <t>ヘイセイ</t>
    </rPh>
    <rPh sb="6" eb="7">
      <t>レイ</t>
    </rPh>
    <rPh sb="7" eb="8">
      <t>ワ</t>
    </rPh>
    <phoneticPr fontId="2"/>
  </si>
  <si>
    <t>　昭和・平成・令和　　昭和・平成・令和</t>
    <phoneticPr fontId="2"/>
  </si>
  <si>
    <t>　昭和・平成・令和</t>
    <rPh sb="1" eb="3">
      <t>ショウワ</t>
    </rPh>
    <rPh sb="4" eb="6">
      <t>ヘイセイ</t>
    </rPh>
    <rPh sb="7" eb="8">
      <t>レイ</t>
    </rPh>
    <rPh sb="8" eb="9">
      <t>ワ</t>
    </rPh>
    <phoneticPr fontId="2"/>
  </si>
  <si>
    <t>　※ 可・ 時々なら可・ 不可</t>
    <rPh sb="3" eb="4">
      <t>カ</t>
    </rPh>
    <rPh sb="6" eb="8">
      <t>トキドキ</t>
    </rPh>
    <rPh sb="10" eb="11">
      <t>カ</t>
    </rPh>
    <rPh sb="13" eb="15">
      <t>フカ</t>
    </rPh>
    <phoneticPr fontId="2"/>
  </si>
  <si>
    <t xml:space="preserve"> 土・日曜日、祝日の勤務</t>
    <rPh sb="1" eb="2">
      <t>ド</t>
    </rPh>
    <rPh sb="3" eb="6">
      <t>ニチヨウビ</t>
    </rPh>
    <rPh sb="7" eb="9">
      <t>シュクジツ</t>
    </rPh>
    <rPh sb="10" eb="12">
      <t>キンム</t>
    </rPh>
    <phoneticPr fontId="2"/>
  </si>
  <si>
    <t>任用所属等</t>
    <rPh sb="0" eb="2">
      <t>ニンヨウ</t>
    </rPh>
    <rPh sb="2" eb="4">
      <t>ショゾク</t>
    </rPh>
    <rPh sb="4" eb="5">
      <t>トウ</t>
    </rPh>
    <phoneticPr fontId="2"/>
  </si>
  <si>
    <t>佐久市会計年度任用職員任用申込書（履歴書）</t>
    <rPh sb="0" eb="3">
      <t>サクシ</t>
    </rPh>
    <rPh sb="3" eb="5">
      <t>カイケイ</t>
    </rPh>
    <rPh sb="5" eb="7">
      <t>ネンド</t>
    </rPh>
    <rPh sb="7" eb="9">
      <t>ニンヨウ</t>
    </rPh>
    <rPh sb="9" eb="11">
      <t>ショクイン</t>
    </rPh>
    <rPh sb="11" eb="13">
      <t>ニンヨウ</t>
    </rPh>
    <rPh sb="13" eb="16">
      <t>モウシコミショ</t>
    </rPh>
    <rPh sb="17" eb="20">
      <t>リレキショ</t>
    </rPh>
    <phoneticPr fontId="2"/>
  </si>
  <si>
    <t>記入注意</t>
    <rPh sb="0" eb="2">
      <t>キニュウ</t>
    </rPh>
    <rPh sb="2" eb="4">
      <t>チュウイ</t>
    </rPh>
    <phoneticPr fontId="2"/>
  </si>
  <si>
    <t>２　数字はアラビア数字で、文字はくずさず正確に書く</t>
    <phoneticPr fontId="2"/>
  </si>
  <si>
    <t>１　黒又は青の筆記用具で記入（鉛筆、マジック、消えるペン不可）</t>
    <rPh sb="15" eb="17">
      <t>エンピツ</t>
    </rPh>
    <rPh sb="23" eb="24">
      <t>キ</t>
    </rPh>
    <rPh sb="28" eb="30">
      <t>フカ</t>
    </rPh>
    <phoneticPr fontId="2"/>
  </si>
  <si>
    <t>３　※印のところは、該当するものを○で囲む</t>
    <phoneticPr fontId="2"/>
  </si>
  <si>
    <t>ふ り が な</t>
    <phoneticPr fontId="2"/>
  </si>
  <si>
    <t>申込職種</t>
    <rPh sb="0" eb="2">
      <t>モウシコミ</t>
    </rPh>
    <rPh sb="2" eb="4">
      <t>ショクシュ</t>
    </rPh>
    <phoneticPr fontId="2"/>
  </si>
  <si>
    <t>週の勤務時間</t>
    <rPh sb="0" eb="1">
      <t>シュウ</t>
    </rPh>
    <rPh sb="2" eb="4">
      <t>キンム</t>
    </rPh>
    <rPh sb="4" eb="6">
      <t>ジカン</t>
    </rPh>
    <phoneticPr fontId="2"/>
  </si>
  <si>
    <t>職務内容</t>
    <rPh sb="0" eb="2">
      <t>ショクム</t>
    </rPh>
    <rPh sb="2" eb="4">
      <t>ナイヨウ</t>
    </rPh>
    <phoneticPr fontId="2"/>
  </si>
  <si>
    <t>日生</t>
    <rPh sb="0" eb="1">
      <t>ニチ</t>
    </rPh>
    <rPh sb="1" eb="2">
      <t>ウ</t>
    </rPh>
    <phoneticPr fontId="2"/>
  </si>
  <si>
    <t>◆志望の動機、特技、好きな学科、アピールポイントなど</t>
    <rPh sb="1" eb="2">
      <t>ココロザシ</t>
    </rPh>
    <rPh sb="2" eb="3">
      <t>ボウ</t>
    </rPh>
    <rPh sb="4" eb="5">
      <t>ドウ</t>
    </rPh>
    <rPh sb="5" eb="6">
      <t>キ</t>
    </rPh>
    <rPh sb="7" eb="9">
      <t>トクギ</t>
    </rPh>
    <rPh sb="10" eb="11">
      <t>ス</t>
    </rPh>
    <rPh sb="13" eb="15">
      <t>ガッカ</t>
    </rPh>
    <phoneticPr fontId="2"/>
  </si>
  <si>
    <t>　昭和・平成</t>
    <phoneticPr fontId="2"/>
  </si>
  <si>
    <t>昭 和
平 成</t>
    <rPh sb="0" eb="1">
      <t>アキラ</t>
    </rPh>
    <rPh sb="2" eb="3">
      <t>ワ</t>
    </rPh>
    <rPh sb="4" eb="5">
      <t>ヒラ</t>
    </rPh>
    <rPh sb="6" eb="7">
      <t>シゲル</t>
    </rPh>
    <phoneticPr fontId="2"/>
  </si>
  <si>
    <t>一般事務 ・ 一般事務（障がいのある方）・その他（　　　　　　）</t>
    <rPh sb="7" eb="9">
      <t>イッパン</t>
    </rPh>
    <rPh sb="9" eb="11">
      <t>ジム</t>
    </rPh>
    <rPh sb="12" eb="13">
      <t>ショウ</t>
    </rPh>
    <rPh sb="18" eb="19">
      <t>カタ</t>
    </rPh>
    <phoneticPr fontId="2"/>
  </si>
  <si>
    <t>氏　名</t>
    <rPh sb="0" eb="1">
      <t>シ</t>
    </rPh>
    <rPh sb="2" eb="3">
      <t>メイ</t>
    </rPh>
    <phoneticPr fontId="2"/>
  </si>
  <si>
    <t>　（署名又は記名押印してください）</t>
    <rPh sb="2" eb="4">
      <t>ショメイ</t>
    </rPh>
    <rPh sb="4" eb="5">
      <t>マタ</t>
    </rPh>
    <rPh sb="6" eb="8">
      <t>キメイ</t>
    </rPh>
    <rPh sb="8" eb="10">
      <t>オウイン</t>
    </rPh>
    <phoneticPr fontId="2"/>
  </si>
  <si>
    <t>＊性  別</t>
    <rPh sb="1" eb="2">
      <t>セイ</t>
    </rPh>
    <rPh sb="4" eb="5">
      <t>ベツ</t>
    </rPh>
    <phoneticPr fontId="2"/>
  </si>
  <si>
    <t>＊「性別」欄：記載は任意です。未記載とすることも可能です。</t>
    <rPh sb="2" eb="4">
      <t>セイベツ</t>
    </rPh>
    <rPh sb="5" eb="6">
      <t>ラン</t>
    </rPh>
    <rPh sb="7" eb="9">
      <t>キサイ</t>
    </rPh>
    <rPh sb="10" eb="12">
      <t>ニンイ</t>
    </rPh>
    <rPh sb="15" eb="18">
      <t>ミキサイ</t>
    </rPh>
    <rPh sb="24" eb="26">
      <t>カノウ</t>
    </rPh>
    <phoneticPr fontId="2"/>
  </si>
  <si>
    <r>
      <t>生</t>
    </r>
    <r>
      <rPr>
        <b/>
        <sz val="7"/>
        <rFont val="BIZ UDゴシック"/>
        <family val="3"/>
        <charset val="128"/>
      </rPr>
      <t xml:space="preserve"> </t>
    </r>
    <r>
      <rPr>
        <b/>
        <sz val="11"/>
        <rFont val="BIZ UDゴシック"/>
        <family val="3"/>
        <charset val="128"/>
      </rPr>
      <t>年</t>
    </r>
    <r>
      <rPr>
        <b/>
        <sz val="7"/>
        <rFont val="BIZ UDゴシック"/>
        <family val="3"/>
        <charset val="128"/>
      </rPr>
      <t xml:space="preserve"> </t>
    </r>
    <r>
      <rPr>
        <b/>
        <sz val="11"/>
        <rFont val="BIZ UDゴシック"/>
        <family val="3"/>
        <charset val="128"/>
      </rPr>
      <t>月</t>
    </r>
    <r>
      <rPr>
        <b/>
        <sz val="7"/>
        <rFont val="BIZ UDゴシック"/>
        <family val="3"/>
        <charset val="128"/>
      </rPr>
      <t xml:space="preserve"> </t>
    </r>
    <r>
      <rPr>
        <b/>
        <sz val="11"/>
        <rFont val="BIZ UDゴシック"/>
        <family val="3"/>
        <charset val="128"/>
      </rPr>
      <t>日</t>
    </r>
    <rPh sb="0" eb="1">
      <t>ショウ</t>
    </rPh>
    <rPh sb="2" eb="3">
      <t>トシ</t>
    </rPh>
    <rPh sb="4" eb="5">
      <t>ツキ</t>
    </rPh>
    <rPh sb="6" eb="7">
      <t>ヒ</t>
    </rPh>
    <phoneticPr fontId="2"/>
  </si>
  <si>
    <r>
      <rPr>
        <b/>
        <sz val="11"/>
        <rFont val="BIZ UDゴシック"/>
        <family val="3"/>
        <charset val="128"/>
      </rPr>
      <t>◆パソコン（ワード・エクセル）操作について</t>
    </r>
    <r>
      <rPr>
        <sz val="11"/>
        <rFont val="BIZ UDゴシック"/>
        <family val="3"/>
        <charset val="128"/>
      </rPr>
      <t>　　</t>
    </r>
    <rPh sb="15" eb="17">
      <t>ソウサ</t>
    </rPh>
    <phoneticPr fontId="2"/>
  </si>
  <si>
    <r>
      <t>◆本人希望記入欄</t>
    </r>
    <r>
      <rPr>
        <b/>
        <sz val="10"/>
        <rFont val="BIZ UDゴシック"/>
        <family val="3"/>
        <charset val="128"/>
      </rPr>
      <t>（特に給料・職種・勤務時間・勤務地・その他について希望があれば記入）</t>
    </r>
    <rPh sb="1" eb="3">
      <t>ホンニン</t>
    </rPh>
    <rPh sb="3" eb="5">
      <t>キボウ</t>
    </rPh>
    <rPh sb="5" eb="8">
      <t>キニュウラン</t>
    </rPh>
    <rPh sb="9" eb="10">
      <t>トク</t>
    </rPh>
    <rPh sb="11" eb="13">
      <t>キュウリョウ</t>
    </rPh>
    <rPh sb="14" eb="16">
      <t>ショクシュ</t>
    </rPh>
    <rPh sb="17" eb="19">
      <t>キンム</t>
    </rPh>
    <rPh sb="19" eb="21">
      <t>ジカン</t>
    </rPh>
    <rPh sb="22" eb="25">
      <t>キンムチ</t>
    </rPh>
    <rPh sb="28" eb="29">
      <t>タ</t>
    </rPh>
    <rPh sb="33" eb="35">
      <t>キボウ</t>
    </rPh>
    <rPh sb="39" eb="41">
      <t>キニュウ</t>
    </rPh>
    <phoneticPr fontId="2"/>
  </si>
  <si>
    <t>年</t>
    <rPh sb="0" eb="1">
      <t>ネン</t>
    </rPh>
    <phoneticPr fontId="2"/>
  </si>
  <si>
    <t>月～</t>
    <rPh sb="0" eb="1">
      <t>ガツ</t>
    </rPh>
    <phoneticPr fontId="2"/>
  </si>
  <si>
    <t>月</t>
    <rPh sb="0" eb="1">
      <t>ガツ</t>
    </rPh>
    <phoneticPr fontId="2"/>
  </si>
  <si>
    <t>有り（有の場合は下記に詳細を記入）</t>
    <phoneticPr fontId="2"/>
  </si>
  <si>
    <t>　□</t>
    <phoneticPr fontId="2"/>
  </si>
  <si>
    <t>無し</t>
    <phoneticPr fontId="2"/>
  </si>
  <si>
    <t>日</t>
    <rPh sb="0" eb="1">
      <t>ニチ</t>
    </rPh>
    <phoneticPr fontId="2"/>
  </si>
  <si>
    <t>～</t>
    <phoneticPr fontId="2"/>
  </si>
  <si>
    <t>令和</t>
    <rPh sb="0" eb="2">
      <t>レイワ</t>
    </rPh>
    <phoneticPr fontId="2"/>
  </si>
  <si>
    <t>本庁</t>
    <rPh sb="0" eb="2">
      <t>ホンチョウ</t>
    </rPh>
    <phoneticPr fontId="2"/>
  </si>
  <si>
    <t>・</t>
    <phoneticPr fontId="2"/>
  </si>
  <si>
    <t>その他</t>
    <phoneticPr fontId="2"/>
  </si>
  <si>
    <t>(</t>
    <phoneticPr fontId="2"/>
  </si>
  <si>
    <t>)</t>
    <phoneticPr fontId="2"/>
  </si>
  <si>
    <t>令和</t>
    <phoneticPr fontId="2"/>
  </si>
  <si>
    <t>　私は、募集要項の記載内容を了承の上、申し込みます。なお、私は地方公務員法16条に</t>
    <rPh sb="1" eb="2">
      <t>ワタシ</t>
    </rPh>
    <rPh sb="4" eb="6">
      <t>ボシュウ</t>
    </rPh>
    <rPh sb="6" eb="8">
      <t>ヨウコウ</t>
    </rPh>
    <rPh sb="9" eb="11">
      <t>キサイ</t>
    </rPh>
    <rPh sb="11" eb="13">
      <t>ナイヨウ</t>
    </rPh>
    <rPh sb="14" eb="16">
      <t>リョウショウ</t>
    </rPh>
    <rPh sb="17" eb="18">
      <t>ウエ</t>
    </rPh>
    <rPh sb="19" eb="20">
      <t>モウ</t>
    </rPh>
    <rPh sb="21" eb="22">
      <t>コ</t>
    </rPh>
    <rPh sb="29" eb="30">
      <t>ワタシ</t>
    </rPh>
    <rPh sb="31" eb="33">
      <t>チホウ</t>
    </rPh>
    <rPh sb="33" eb="36">
      <t>コウムイン</t>
    </rPh>
    <rPh sb="36" eb="37">
      <t>ホウ</t>
    </rPh>
    <phoneticPr fontId="2"/>
  </si>
  <si>
    <t>該当しておりません。また、この申込書の記載内容はすべて事実に相違ありません。</t>
    <rPh sb="0" eb="2">
      <t>ガイトウ</t>
    </rPh>
    <rPh sb="15" eb="18">
      <t>モウシコミショ</t>
    </rPh>
    <rPh sb="19" eb="21">
      <t>キサイ</t>
    </rPh>
    <rPh sb="21" eb="23">
      <t>ナイヨウ</t>
    </rPh>
    <rPh sb="27" eb="29">
      <t>ジジツ</t>
    </rPh>
    <rPh sb="30" eb="32">
      <t>ソウイ</t>
    </rPh>
    <phoneticPr fontId="2"/>
  </si>
  <si>
    <t>令和　年　月　日現在</t>
    <phoneticPr fontId="2"/>
  </si>
  <si>
    <t>※Ａ４の両面印刷(長辺とじ)とすること</t>
    <rPh sb="4" eb="6">
      <t>リョウメン</t>
    </rPh>
    <rPh sb="6" eb="8">
      <t>インサツ</t>
    </rPh>
    <rPh sb="9" eb="11">
      <t>チョウヘン</t>
    </rPh>
    <phoneticPr fontId="2"/>
  </si>
  <si>
    <t>女</t>
    <rPh sb="0" eb="1">
      <t>オンナ</t>
    </rPh>
    <phoneticPr fontId="2"/>
  </si>
  <si>
    <t>佐久　花子</t>
    <rPh sb="0" eb="2">
      <t>サク</t>
    </rPh>
    <rPh sb="3" eb="5">
      <t>ハナコ</t>
    </rPh>
    <phoneticPr fontId="2"/>
  </si>
  <si>
    <t>さく　はなこ</t>
    <phoneticPr fontId="2"/>
  </si>
  <si>
    <t>●</t>
  </si>
  <si>
    <t>●</t>
    <phoneticPr fontId="2"/>
  </si>
  <si>
    <t>●●</t>
    <phoneticPr fontId="2"/>
  </si>
  <si>
    <t>さくしなかごみ</t>
    <phoneticPr fontId="2"/>
  </si>
  <si>
    <t>佐久市中込3056</t>
    <rPh sb="0" eb="3">
      <t>サクシ</t>
    </rPh>
    <rPh sb="3" eb="5">
      <t>ナカゴミ</t>
    </rPh>
    <phoneticPr fontId="2"/>
  </si>
  <si>
    <t>0267</t>
    <phoneticPr fontId="2"/>
  </si>
  <si>
    <t>62</t>
    <phoneticPr fontId="2"/>
  </si>
  <si>
    <t>2111</t>
    <phoneticPr fontId="2"/>
  </si>
  <si>
    <t>●●大学●●学部</t>
    <rPh sb="2" eb="4">
      <t>ダイガク</t>
    </rPh>
    <rPh sb="6" eb="8">
      <t>ガクブ</t>
    </rPh>
    <phoneticPr fontId="2"/>
  </si>
  <si>
    <t>正規職員</t>
    <rPh sb="0" eb="2">
      <t>セイキ</t>
    </rPh>
    <rPh sb="2" eb="4">
      <t>ショクイン</t>
    </rPh>
    <phoneticPr fontId="2"/>
  </si>
  <si>
    <t>非常勤特別職</t>
    <rPh sb="0" eb="3">
      <t>ヒジョウキン</t>
    </rPh>
    <rPh sb="3" eb="5">
      <t>トクベツ</t>
    </rPh>
    <rPh sb="5" eb="6">
      <t>ショク</t>
    </rPh>
    <phoneticPr fontId="2"/>
  </si>
  <si>
    <t>臨時職員</t>
    <rPh sb="0" eb="2">
      <t>リンジ</t>
    </rPh>
    <rPh sb="2" eb="4">
      <t>ショクイン</t>
    </rPh>
    <phoneticPr fontId="2"/>
  </si>
  <si>
    <t>嘱託職員</t>
    <rPh sb="0" eb="4">
      <t>ショクタクショクイン</t>
    </rPh>
    <phoneticPr fontId="2"/>
  </si>
  <si>
    <t>会計年度任用職員</t>
    <rPh sb="0" eb="8">
      <t>カイケイネンドニンヨウショクイン</t>
    </rPh>
    <phoneticPr fontId="2"/>
  </si>
  <si>
    <t>38時間45分</t>
    <rPh sb="2" eb="4">
      <t>ジカン</t>
    </rPh>
    <rPh sb="6" eb="7">
      <t>フン</t>
    </rPh>
    <phoneticPr fontId="2"/>
  </si>
  <si>
    <t>10時間00分</t>
    <rPh sb="2" eb="4">
      <t>ジカン</t>
    </rPh>
    <rPh sb="6" eb="7">
      <t>フン</t>
    </rPh>
    <phoneticPr fontId="2"/>
  </si>
  <si>
    <t>29時間00分</t>
    <rPh sb="2" eb="4">
      <t>ジカン</t>
    </rPh>
    <rPh sb="6" eb="7">
      <t>フン</t>
    </rPh>
    <phoneticPr fontId="2"/>
  </si>
  <si>
    <t>30時間00分</t>
    <rPh sb="2" eb="4">
      <t>ジカン</t>
    </rPh>
    <rPh sb="6" eb="7">
      <t>フン</t>
    </rPh>
    <phoneticPr fontId="2"/>
  </si>
  <si>
    <t>○○部○○課他</t>
    <rPh sb="2" eb="3">
      <t>ブ</t>
    </rPh>
    <rPh sb="5" eb="6">
      <t>カ</t>
    </rPh>
    <rPh sb="6" eb="7">
      <t>ホカ</t>
    </rPh>
    <phoneticPr fontId="2"/>
  </si>
  <si>
    <t>一般事務</t>
    <rPh sb="0" eb="2">
      <t>イッパン</t>
    </rPh>
    <rPh sb="2" eb="4">
      <t>ジム</t>
    </rPh>
    <phoneticPr fontId="2"/>
  </si>
  <si>
    <t>公民館長</t>
    <rPh sb="0" eb="4">
      <t>コウミンカンチョウ</t>
    </rPh>
    <phoneticPr fontId="2"/>
  </si>
  <si>
    <t>保育士</t>
    <rPh sb="0" eb="3">
      <t>ホイクシ</t>
    </rPh>
    <phoneticPr fontId="2"/>
  </si>
  <si>
    <t>一般事務</t>
    <rPh sb="0" eb="4">
      <t>イッパンジム</t>
    </rPh>
    <phoneticPr fontId="2"/>
  </si>
  <si>
    <t>○○部○○課</t>
    <phoneticPr fontId="2"/>
  </si>
  <si>
    <t>☑</t>
    <phoneticPr fontId="2"/>
  </si>
  <si>
    <t>株式会社佐久</t>
    <rPh sb="0" eb="4">
      <t>カブシキガイシャ</t>
    </rPh>
    <rPh sb="4" eb="6">
      <t>サク</t>
    </rPh>
    <phoneticPr fontId="2"/>
  </si>
  <si>
    <t>有限会社長野人事</t>
    <rPh sb="0" eb="4">
      <t>ユウゲンガイシャ</t>
    </rPh>
    <rPh sb="4" eb="6">
      <t>ナガノ</t>
    </rPh>
    <rPh sb="6" eb="8">
      <t>ジンジ</t>
    </rPh>
    <phoneticPr fontId="2"/>
  </si>
  <si>
    <t>事務</t>
    <rPh sb="0" eb="2">
      <t>ジム</t>
    </rPh>
    <phoneticPr fontId="2"/>
  </si>
  <si>
    <t>営業</t>
    <rPh sb="0" eb="2">
      <t>エイギョウ</t>
    </rPh>
    <phoneticPr fontId="2"/>
  </si>
  <si>
    <t>普通自動車免許</t>
    <rPh sb="0" eb="7">
      <t>フツウジドウシャメンキョ</t>
    </rPh>
    <phoneticPr fontId="2"/>
  </si>
  <si>
    <t>●●●●</t>
    <phoneticPr fontId="2"/>
  </si>
  <si>
    <t>臼田支所</t>
    <rPh sb="0" eb="2">
      <t>ウスダ</t>
    </rPh>
    <rPh sb="2" eb="4">
      <t>シショ</t>
    </rPh>
    <phoneticPr fontId="2"/>
  </si>
  <si>
    <t>一般事務補助（障がいのある方）</t>
    <rPh sb="0" eb="2">
      <t>イッパン</t>
    </rPh>
    <rPh sb="2" eb="4">
      <t>ジム</t>
    </rPh>
    <rPh sb="4" eb="6">
      <t>ホジョ</t>
    </rPh>
    <rPh sb="7" eb="8">
      <t>ショウ</t>
    </rPh>
    <rPh sb="13" eb="14">
      <t>カタ</t>
    </rPh>
    <phoneticPr fontId="2"/>
  </si>
  <si>
    <t>一般事務補助</t>
    <rPh sb="0" eb="2">
      <t>イッパン</t>
    </rPh>
    <rPh sb="2" eb="4">
      <t>ジム</t>
    </rPh>
    <rPh sb="4" eb="6">
      <t>ホジョ</t>
    </rPh>
    <phoneticPr fontId="2"/>
  </si>
  <si>
    <r>
      <t>令和　</t>
    </r>
    <r>
      <rPr>
        <sz val="11"/>
        <color rgb="FFFF0000"/>
        <rFont val="BIZ UDゴシック"/>
        <family val="3"/>
        <charset val="128"/>
      </rPr>
      <t>●</t>
    </r>
    <r>
      <rPr>
        <sz val="11"/>
        <rFont val="BIZ UDゴシック"/>
        <family val="3"/>
        <charset val="128"/>
      </rPr>
      <t>年　</t>
    </r>
    <r>
      <rPr>
        <sz val="11"/>
        <color rgb="FFFF0000"/>
        <rFont val="BIZ UDゴシック"/>
        <family val="3"/>
        <charset val="128"/>
      </rPr>
      <t>●</t>
    </r>
    <r>
      <rPr>
        <sz val="11"/>
        <rFont val="BIZ UDゴシック"/>
        <family val="3"/>
        <charset val="128"/>
      </rPr>
      <t>月　</t>
    </r>
    <r>
      <rPr>
        <sz val="11"/>
        <color rgb="FFFF0000"/>
        <rFont val="BIZ UDゴシック"/>
        <family val="3"/>
        <charset val="128"/>
      </rPr>
      <t>●</t>
    </r>
    <r>
      <rPr>
        <sz val="11"/>
        <rFont val="BIZ UDゴシック"/>
        <family val="3"/>
        <charset val="128"/>
      </rPr>
      <t>日現在</t>
    </r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BIZ UDゴシック"/>
      <family val="3"/>
      <charset val="128"/>
    </font>
    <font>
      <sz val="16"/>
      <color rgb="FFFF0000"/>
      <name val="BIZ UDゴシック"/>
      <family val="3"/>
      <charset val="128"/>
    </font>
    <font>
      <b/>
      <sz val="20"/>
      <name val="BIZ UDゴシック"/>
      <family val="3"/>
      <charset val="128"/>
    </font>
    <font>
      <sz val="8"/>
      <name val="BIZ UDゴシック"/>
      <family val="3"/>
      <charset val="128"/>
    </font>
    <font>
      <b/>
      <sz val="11"/>
      <name val="BIZ UDゴシック"/>
      <family val="3"/>
      <charset val="128"/>
    </font>
    <font>
      <sz val="9"/>
      <name val="BIZ UDゴシック"/>
      <family val="3"/>
      <charset val="128"/>
    </font>
    <font>
      <sz val="7"/>
      <name val="BIZ UDゴシック"/>
      <family val="3"/>
      <charset val="128"/>
    </font>
    <font>
      <sz val="6"/>
      <name val="BIZ UDゴシック"/>
      <family val="3"/>
      <charset val="128"/>
    </font>
    <font>
      <b/>
      <sz val="9"/>
      <name val="BIZ UDゴシック"/>
      <family val="3"/>
      <charset val="128"/>
    </font>
    <font>
      <sz val="10"/>
      <name val="BIZ UDゴシック"/>
      <family val="3"/>
      <charset val="128"/>
    </font>
    <font>
      <b/>
      <sz val="7"/>
      <name val="BIZ UDゴシック"/>
      <family val="3"/>
      <charset val="128"/>
    </font>
    <font>
      <b/>
      <sz val="10"/>
      <name val="BIZ UDゴシック"/>
      <family val="3"/>
      <charset val="128"/>
    </font>
    <font>
      <sz val="14"/>
      <name val="BIZ UDゴシック"/>
      <family val="3"/>
      <charset val="128"/>
    </font>
    <font>
      <sz val="16"/>
      <name val="BIZ UDゴシック"/>
      <family val="3"/>
      <charset val="128"/>
    </font>
    <font>
      <sz val="11"/>
      <color rgb="FFFF0000"/>
      <name val="BIZ UDゴシック"/>
      <family val="3"/>
      <charset val="128"/>
    </font>
    <font>
      <sz val="14"/>
      <color rgb="FFFF0000"/>
      <name val="BIZ UDゴシック"/>
      <family val="3"/>
      <charset val="128"/>
    </font>
    <font>
      <b/>
      <sz val="11"/>
      <color rgb="FFFF0000"/>
      <name val="BIZ UDゴシック"/>
      <family val="3"/>
      <charset val="128"/>
    </font>
  </fonts>
  <fills count="2">
    <fill>
      <patternFill patternType="none"/>
    </fill>
    <fill>
      <patternFill patternType="gray125"/>
    </fill>
  </fills>
  <borders count="88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 style="medium">
        <color indexed="64"/>
      </top>
      <bottom style="dashed">
        <color indexed="64"/>
      </bottom>
      <diagonal/>
    </border>
    <border>
      <left/>
      <right style="medium">
        <color indexed="64"/>
      </right>
      <top style="medium">
        <color indexed="64"/>
      </top>
      <bottom style="dashed">
        <color indexed="64"/>
      </bottom>
      <diagonal/>
    </border>
    <border>
      <left/>
      <right/>
      <top style="dashed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 style="dashed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dashed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dashed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hair">
        <color indexed="64"/>
      </top>
      <bottom/>
      <diagonal/>
    </border>
    <border>
      <left/>
      <right/>
      <top/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/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/>
      <top style="dotted">
        <color auto="1"/>
      </top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dotted">
        <color auto="1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/>
      <bottom style="dashed">
        <color indexed="64"/>
      </bottom>
      <diagonal/>
    </border>
    <border>
      <left/>
      <right style="medium">
        <color indexed="64"/>
      </right>
      <top/>
      <bottom style="dashed">
        <color indexed="64"/>
      </bottom>
      <diagonal/>
    </border>
    <border>
      <left/>
      <right style="thin">
        <color indexed="64"/>
      </right>
      <top/>
      <bottom style="dashed">
        <color indexed="64"/>
      </bottom>
      <diagonal/>
    </border>
    <border>
      <left style="thin">
        <color indexed="64"/>
      </left>
      <right/>
      <top/>
      <bottom style="dashed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dashed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5">
    <xf numFmtId="0" fontId="0" fillId="0" borderId="0">
      <alignment vertical="center"/>
    </xf>
    <xf numFmtId="0" fontId="1" fillId="0" borderId="0"/>
    <xf numFmtId="0" fontId="1" fillId="0" borderId="0"/>
    <xf numFmtId="0" fontId="1" fillId="0" borderId="0"/>
    <xf numFmtId="0" fontId="1" fillId="0" borderId="0"/>
  </cellStyleXfs>
  <cellXfs count="401">
    <xf numFmtId="0" fontId="0" fillId="0" borderId="0" xfId="0">
      <alignment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3" fillId="0" borderId="0" xfId="0" applyFont="1" applyBorder="1">
      <alignment vertical="center"/>
    </xf>
    <xf numFmtId="0" fontId="5" fillId="0" borderId="0" xfId="0" applyFont="1" applyBorder="1" applyAlignment="1">
      <alignment vertical="center" shrinkToFit="1"/>
    </xf>
    <xf numFmtId="0" fontId="6" fillId="0" borderId="66" xfId="0" applyFont="1" applyBorder="1" applyAlignment="1">
      <alignment vertical="center"/>
    </xf>
    <xf numFmtId="0" fontId="6" fillId="0" borderId="66" xfId="0" applyFont="1" applyBorder="1" applyAlignment="1">
      <alignment horizontal="center" vertical="center" justifyLastLine="1"/>
    </xf>
    <xf numFmtId="0" fontId="6" fillId="0" borderId="62" xfId="0" applyFont="1" applyBorder="1" applyAlignment="1">
      <alignment horizontal="center" vertical="center"/>
    </xf>
    <xf numFmtId="0" fontId="9" fillId="0" borderId="63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10" fillId="0" borderId="64" xfId="0" applyFont="1" applyBorder="1" applyAlignment="1">
      <alignment vertical="center"/>
    </xf>
    <xf numFmtId="0" fontId="9" fillId="0" borderId="63" xfId="0" applyFont="1" applyBorder="1">
      <alignment vertical="center"/>
    </xf>
    <xf numFmtId="0" fontId="9" fillId="0" borderId="0" xfId="0" applyFont="1" applyBorder="1">
      <alignment vertical="center"/>
    </xf>
    <xf numFmtId="0" fontId="10" fillId="0" borderId="64" xfId="0" applyFont="1" applyBorder="1">
      <alignment vertical="center"/>
    </xf>
    <xf numFmtId="0" fontId="3" fillId="0" borderId="12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26" xfId="0" applyFont="1" applyBorder="1">
      <alignment vertical="center"/>
    </xf>
    <xf numFmtId="0" fontId="3" fillId="0" borderId="27" xfId="0" applyFont="1" applyBorder="1">
      <alignment vertical="center"/>
    </xf>
    <xf numFmtId="0" fontId="10" fillId="0" borderId="65" xfId="0" applyFont="1" applyBorder="1" applyAlignment="1">
      <alignment vertical="center"/>
    </xf>
    <xf numFmtId="0" fontId="10" fillId="0" borderId="66" xfId="0" applyFont="1" applyBorder="1" applyAlignment="1">
      <alignment vertical="center"/>
    </xf>
    <xf numFmtId="0" fontId="10" fillId="0" borderId="67" xfId="0" applyFont="1" applyBorder="1" applyAlignment="1">
      <alignment vertical="center"/>
    </xf>
    <xf numFmtId="0" fontId="3" fillId="0" borderId="10" xfId="0" applyFont="1" applyBorder="1" applyAlignment="1">
      <alignment horizontal="center" vertical="center"/>
    </xf>
    <xf numFmtId="0" fontId="7" fillId="0" borderId="10" xfId="0" applyFont="1" applyBorder="1" applyAlignment="1">
      <alignment vertical="center"/>
    </xf>
    <xf numFmtId="0" fontId="3" fillId="0" borderId="10" xfId="0" applyFont="1" applyBorder="1">
      <alignment vertical="center"/>
    </xf>
    <xf numFmtId="0" fontId="3" fillId="0" borderId="11" xfId="0" applyFont="1" applyBorder="1">
      <alignment vertical="center"/>
    </xf>
    <xf numFmtId="0" fontId="3" fillId="0" borderId="12" xfId="0" applyFont="1" applyBorder="1" applyAlignment="1">
      <alignment vertical="center"/>
    </xf>
    <xf numFmtId="49" fontId="3" fillId="0" borderId="12" xfId="0" applyNumberFormat="1" applyFont="1" applyBorder="1" applyAlignment="1">
      <alignment horizontal="center" vertical="center"/>
    </xf>
    <xf numFmtId="49" fontId="3" fillId="0" borderId="19" xfId="0" applyNumberFormat="1" applyFont="1" applyBorder="1" applyAlignment="1">
      <alignment horizontal="center" vertical="center"/>
    </xf>
    <xf numFmtId="49" fontId="3" fillId="0" borderId="0" xfId="0" applyNumberFormat="1" applyFont="1" applyBorder="1" applyAlignment="1">
      <alignment horizontal="center" vertical="center"/>
    </xf>
    <xf numFmtId="49" fontId="3" fillId="0" borderId="8" xfId="0" applyNumberFormat="1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49" fontId="3" fillId="0" borderId="15" xfId="0" applyNumberFormat="1" applyFont="1" applyBorder="1" applyAlignment="1">
      <alignment horizontal="center" vertical="center"/>
    </xf>
    <xf numFmtId="0" fontId="3" fillId="0" borderId="15" xfId="0" applyFont="1" applyBorder="1">
      <alignment vertical="center"/>
    </xf>
    <xf numFmtId="0" fontId="7" fillId="0" borderId="8" xfId="0" applyFont="1" applyBorder="1" applyAlignment="1">
      <alignment horizontal="left" vertical="center"/>
    </xf>
    <xf numFmtId="0" fontId="3" fillId="0" borderId="6" xfId="0" applyFont="1" applyBorder="1" applyAlignment="1">
      <alignment vertical="center"/>
    </xf>
    <xf numFmtId="0" fontId="3" fillId="0" borderId="17" xfId="0" applyFont="1" applyBorder="1" applyAlignment="1">
      <alignment vertical="center"/>
    </xf>
    <xf numFmtId="0" fontId="3" fillId="0" borderId="8" xfId="0" applyFont="1" applyBorder="1" applyAlignment="1">
      <alignment vertical="center"/>
    </xf>
    <xf numFmtId="0" fontId="3" fillId="0" borderId="18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7" fillId="0" borderId="0" xfId="0" applyFont="1" applyBorder="1" applyAlignment="1">
      <alignment vertical="center"/>
    </xf>
    <xf numFmtId="0" fontId="3" fillId="0" borderId="25" xfId="0" applyFont="1" applyBorder="1" applyAlignment="1">
      <alignment vertical="center"/>
    </xf>
    <xf numFmtId="0" fontId="3" fillId="0" borderId="26" xfId="0" applyFont="1" applyBorder="1" applyAlignment="1">
      <alignment vertical="center"/>
    </xf>
    <xf numFmtId="0" fontId="3" fillId="0" borderId="27" xfId="0" applyFont="1" applyBorder="1" applyAlignment="1">
      <alignment vertical="center"/>
    </xf>
    <xf numFmtId="0" fontId="8" fillId="0" borderId="28" xfId="0" applyFont="1" applyBorder="1" applyAlignment="1">
      <alignment vertical="center"/>
    </xf>
    <xf numFmtId="0" fontId="8" fillId="0" borderId="6" xfId="0" applyFont="1" applyBorder="1" applyAlignment="1">
      <alignment vertical="center"/>
    </xf>
    <xf numFmtId="0" fontId="8" fillId="0" borderId="6" xfId="0" applyFont="1" applyBorder="1" applyAlignment="1">
      <alignment horizontal="center" vertical="center"/>
    </xf>
    <xf numFmtId="0" fontId="7" fillId="0" borderId="0" xfId="0" applyFont="1" applyBorder="1" applyAlignment="1">
      <alignment horizontal="left" vertical="center"/>
    </xf>
    <xf numFmtId="0" fontId="3" fillId="0" borderId="16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7" fillId="0" borderId="25" xfId="0" applyFont="1" applyBorder="1" applyAlignment="1">
      <alignment vertical="center"/>
    </xf>
    <xf numFmtId="0" fontId="3" fillId="0" borderId="20" xfId="0" applyFont="1" applyBorder="1" applyAlignment="1">
      <alignment horizontal="center" vertical="center"/>
    </xf>
    <xf numFmtId="0" fontId="3" fillId="0" borderId="0" xfId="0" applyFont="1" applyBorder="1" applyAlignment="1">
      <alignment vertical="center"/>
    </xf>
    <xf numFmtId="0" fontId="3" fillId="0" borderId="6" xfId="0" applyFont="1" applyBorder="1" applyAlignment="1">
      <alignment horizontal="center" vertical="center"/>
    </xf>
    <xf numFmtId="0" fontId="3" fillId="0" borderId="6" xfId="0" applyFont="1" applyBorder="1" applyAlignment="1">
      <alignment horizontal="left" vertical="center"/>
    </xf>
    <xf numFmtId="0" fontId="3" fillId="0" borderId="7" xfId="0" applyFont="1" applyBorder="1" applyAlignment="1">
      <alignment horizontal="left" vertical="center"/>
    </xf>
    <xf numFmtId="0" fontId="3" fillId="0" borderId="37" xfId="0" applyFont="1" applyBorder="1" applyAlignment="1">
      <alignment horizontal="center" vertical="center"/>
    </xf>
    <xf numFmtId="0" fontId="3" fillId="0" borderId="37" xfId="0" applyFont="1" applyBorder="1" applyAlignment="1">
      <alignment vertical="center"/>
    </xf>
    <xf numFmtId="0" fontId="8" fillId="0" borderId="13" xfId="0" applyFont="1" applyBorder="1" applyAlignment="1">
      <alignment vertical="center"/>
    </xf>
    <xf numFmtId="0" fontId="8" fillId="0" borderId="0" xfId="0" applyFont="1" applyBorder="1" applyAlignment="1">
      <alignment horizontal="left" vertical="center"/>
    </xf>
    <xf numFmtId="0" fontId="8" fillId="0" borderId="22" xfId="0" applyFont="1" applyBorder="1" applyAlignment="1">
      <alignment vertical="center"/>
    </xf>
    <xf numFmtId="0" fontId="8" fillId="0" borderId="6" xfId="0" applyFont="1" applyBorder="1" applyAlignment="1">
      <alignment horizontal="left" vertical="center"/>
    </xf>
    <xf numFmtId="0" fontId="8" fillId="0" borderId="17" xfId="0" applyFont="1" applyBorder="1" applyAlignment="1">
      <alignment vertical="center"/>
    </xf>
    <xf numFmtId="0" fontId="8" fillId="0" borderId="16" xfId="0" applyFont="1" applyBorder="1" applyAlignment="1">
      <alignment vertical="center"/>
    </xf>
    <xf numFmtId="0" fontId="8" fillId="0" borderId="3" xfId="0" applyFont="1" applyBorder="1" applyAlignment="1">
      <alignment horizontal="left" vertical="center"/>
    </xf>
    <xf numFmtId="0" fontId="8" fillId="0" borderId="4" xfId="0" applyFont="1" applyBorder="1" applyAlignment="1">
      <alignment vertical="center"/>
    </xf>
    <xf numFmtId="0" fontId="7" fillId="0" borderId="26" xfId="0" applyFont="1" applyBorder="1" applyAlignment="1">
      <alignment horizontal="left" vertical="center"/>
    </xf>
    <xf numFmtId="0" fontId="7" fillId="0" borderId="27" xfId="0" applyFont="1" applyBorder="1" applyAlignment="1">
      <alignment horizontal="left" vertical="center"/>
    </xf>
    <xf numFmtId="0" fontId="11" fillId="0" borderId="1" xfId="0" applyFont="1" applyBorder="1">
      <alignment vertical="center"/>
    </xf>
    <xf numFmtId="0" fontId="7" fillId="0" borderId="0" xfId="0" applyFont="1" applyBorder="1">
      <alignment vertical="center"/>
    </xf>
    <xf numFmtId="0" fontId="7" fillId="0" borderId="0" xfId="0" applyFont="1" applyBorder="1" applyAlignment="1"/>
    <xf numFmtId="0" fontId="7" fillId="0" borderId="0" xfId="0" applyFont="1">
      <alignment vertical="center"/>
    </xf>
    <xf numFmtId="0" fontId="3" fillId="0" borderId="40" xfId="0" applyFont="1" applyBorder="1" applyAlignment="1">
      <alignment horizontal="center" vertical="center"/>
    </xf>
    <xf numFmtId="0" fontId="8" fillId="0" borderId="18" xfId="0" applyFont="1" applyBorder="1" applyAlignment="1">
      <alignment vertical="center"/>
    </xf>
    <xf numFmtId="0" fontId="8" fillId="0" borderId="15" xfId="0" applyFont="1" applyBorder="1" applyAlignment="1">
      <alignment horizontal="left" vertical="center"/>
    </xf>
    <xf numFmtId="0" fontId="8" fillId="0" borderId="40" xfId="0" applyFont="1" applyBorder="1" applyAlignment="1">
      <alignment vertical="center"/>
    </xf>
    <xf numFmtId="0" fontId="7" fillId="0" borderId="15" xfId="0" applyFont="1" applyBorder="1" applyAlignment="1">
      <alignment horizontal="center" vertical="center"/>
    </xf>
    <xf numFmtId="0" fontId="7" fillId="0" borderId="15" xfId="0" applyFont="1" applyBorder="1">
      <alignment vertical="center"/>
    </xf>
    <xf numFmtId="0" fontId="8" fillId="0" borderId="0" xfId="0" applyFont="1" applyBorder="1" applyAlignment="1">
      <alignment vertical="center"/>
    </xf>
    <xf numFmtId="0" fontId="8" fillId="0" borderId="0" xfId="0" applyFont="1">
      <alignment vertical="center"/>
    </xf>
    <xf numFmtId="0" fontId="8" fillId="0" borderId="6" xfId="0" applyFont="1" applyBorder="1" applyAlignment="1">
      <alignment horizontal="left" vertical="center"/>
    </xf>
    <xf numFmtId="0" fontId="7" fillId="0" borderId="26" xfId="0" applyFont="1" applyBorder="1" applyAlignment="1">
      <alignment horizontal="left" vertical="center"/>
    </xf>
    <xf numFmtId="0" fontId="7" fillId="0" borderId="27" xfId="0" applyFont="1" applyBorder="1" applyAlignment="1">
      <alignment horizontal="left" vertical="center"/>
    </xf>
    <xf numFmtId="0" fontId="3" fillId="0" borderId="0" xfId="0" applyFont="1" applyBorder="1" applyAlignment="1">
      <alignment vertical="center"/>
    </xf>
    <xf numFmtId="0" fontId="7" fillId="0" borderId="0" xfId="0" applyFont="1" applyBorder="1" applyAlignment="1">
      <alignment horizontal="left" vertical="center"/>
    </xf>
    <xf numFmtId="0" fontId="3" fillId="0" borderId="6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40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49" fontId="3" fillId="0" borderId="10" xfId="0" applyNumberFormat="1" applyFont="1" applyBorder="1" applyAlignment="1">
      <alignment horizontal="center" vertical="center"/>
    </xf>
    <xf numFmtId="49" fontId="3" fillId="0" borderId="0" xfId="0" applyNumberFormat="1" applyFont="1" applyBorder="1" applyAlignment="1">
      <alignment horizontal="center" vertical="center"/>
    </xf>
    <xf numFmtId="49" fontId="3" fillId="0" borderId="8" xfId="0" applyNumberFormat="1" applyFont="1" applyBorder="1" applyAlignment="1">
      <alignment horizontal="center" vertical="center"/>
    </xf>
    <xf numFmtId="0" fontId="3" fillId="0" borderId="15" xfId="0" applyFont="1" applyBorder="1" applyAlignment="1">
      <alignment vertical="center"/>
    </xf>
    <xf numFmtId="0" fontId="7" fillId="0" borderId="15" xfId="0" applyFont="1" applyBorder="1" applyAlignment="1">
      <alignment horizontal="center" vertical="center"/>
    </xf>
    <xf numFmtId="0" fontId="7" fillId="0" borderId="8" xfId="0" applyFont="1" applyBorder="1" applyAlignment="1">
      <alignment horizontal="left" vertical="center"/>
    </xf>
    <xf numFmtId="0" fontId="3" fillId="0" borderId="2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12" fillId="0" borderId="15" xfId="0" applyFont="1" applyBorder="1" applyAlignment="1">
      <alignment vertical="center"/>
    </xf>
    <xf numFmtId="0" fontId="3" fillId="0" borderId="24" xfId="0" applyFont="1" applyBorder="1" applyAlignment="1">
      <alignment horizontal="center" vertical="center"/>
    </xf>
    <xf numFmtId="0" fontId="12" fillId="0" borderId="0" xfId="0" applyFont="1" applyBorder="1" applyAlignment="1">
      <alignment vertical="center"/>
    </xf>
    <xf numFmtId="0" fontId="12" fillId="0" borderId="22" xfId="0" applyFont="1" applyBorder="1" applyAlignment="1">
      <alignment vertical="center"/>
    </xf>
    <xf numFmtId="0" fontId="3" fillId="0" borderId="14" xfId="0" applyFont="1" applyBorder="1">
      <alignment vertical="center"/>
    </xf>
    <xf numFmtId="0" fontId="3" fillId="0" borderId="20" xfId="0" applyFont="1" applyBorder="1" applyAlignment="1">
      <alignment horizontal="center" vertical="center"/>
    </xf>
    <xf numFmtId="0" fontId="3" fillId="0" borderId="37" xfId="0" applyFont="1" applyBorder="1" applyAlignment="1">
      <alignment horizontal="center" vertical="center"/>
    </xf>
    <xf numFmtId="0" fontId="3" fillId="0" borderId="37" xfId="0" applyFont="1" applyBorder="1" applyAlignment="1">
      <alignment vertical="center"/>
    </xf>
    <xf numFmtId="0" fontId="17" fillId="0" borderId="15" xfId="0" applyFont="1" applyBorder="1" applyAlignment="1">
      <alignment horizontal="center" vertical="center"/>
    </xf>
    <xf numFmtId="49" fontId="17" fillId="0" borderId="10" xfId="0" applyNumberFormat="1" applyFont="1" applyBorder="1" applyAlignment="1">
      <alignment horizontal="center" vertical="center"/>
    </xf>
    <xf numFmtId="0" fontId="17" fillId="0" borderId="16" xfId="0" applyFont="1" applyBorder="1" applyAlignment="1">
      <alignment horizontal="center" vertical="center"/>
    </xf>
    <xf numFmtId="0" fontId="17" fillId="0" borderId="3" xfId="0" applyFont="1" applyBorder="1" applyAlignment="1">
      <alignment horizontal="center" vertical="center"/>
    </xf>
    <xf numFmtId="0" fontId="17" fillId="0" borderId="2" xfId="0" applyFont="1" applyBorder="1" applyAlignment="1">
      <alignment horizontal="center" vertical="center"/>
    </xf>
    <xf numFmtId="0" fontId="17" fillId="0" borderId="6" xfId="0" applyFont="1" applyBorder="1" applyAlignment="1">
      <alignment horizontal="center" vertical="center"/>
    </xf>
    <xf numFmtId="0" fontId="19" fillId="0" borderId="15" xfId="0" applyFont="1" applyBorder="1" applyAlignment="1">
      <alignment horizontal="center" vertical="center"/>
    </xf>
    <xf numFmtId="0" fontId="3" fillId="0" borderId="0" xfId="0" applyFont="1" applyBorder="1" applyAlignment="1">
      <alignment horizontal="left" vertical="center" shrinkToFit="1"/>
    </xf>
    <xf numFmtId="0" fontId="3" fillId="0" borderId="8" xfId="0" applyFont="1" applyBorder="1" applyAlignment="1">
      <alignment horizontal="left" vertical="center" shrinkToFit="1"/>
    </xf>
    <xf numFmtId="0" fontId="3" fillId="0" borderId="48" xfId="0" applyFont="1" applyBorder="1" applyAlignment="1">
      <alignment vertical="center"/>
    </xf>
    <xf numFmtId="0" fontId="3" fillId="0" borderId="46" xfId="0" applyFont="1" applyBorder="1" applyAlignment="1">
      <alignment vertical="center"/>
    </xf>
    <xf numFmtId="0" fontId="3" fillId="0" borderId="70" xfId="0" applyFont="1" applyBorder="1" applyAlignment="1">
      <alignment vertical="center"/>
    </xf>
    <xf numFmtId="0" fontId="3" fillId="0" borderId="1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71" xfId="0" applyFont="1" applyBorder="1" applyAlignment="1">
      <alignment vertical="center"/>
    </xf>
    <xf numFmtId="0" fontId="3" fillId="0" borderId="50" xfId="0" applyFont="1" applyBorder="1" applyAlignment="1">
      <alignment vertical="center"/>
    </xf>
    <xf numFmtId="0" fontId="3" fillId="0" borderId="47" xfId="0" applyFont="1" applyBorder="1" applyAlignment="1">
      <alignment vertical="center"/>
    </xf>
    <xf numFmtId="0" fontId="3" fillId="0" borderId="72" xfId="0" applyFont="1" applyBorder="1" applyAlignment="1">
      <alignment vertical="center"/>
    </xf>
    <xf numFmtId="0" fontId="3" fillId="0" borderId="58" xfId="0" applyFont="1" applyBorder="1" applyAlignment="1">
      <alignment vertical="center" shrinkToFit="1"/>
    </xf>
    <xf numFmtId="0" fontId="3" fillId="0" borderId="59" xfId="0" applyFont="1" applyBorder="1" applyAlignment="1">
      <alignment vertical="center" shrinkToFit="1"/>
    </xf>
    <xf numFmtId="0" fontId="3" fillId="0" borderId="73" xfId="0" applyFont="1" applyBorder="1" applyAlignment="1">
      <alignment vertical="center" shrinkToFit="1"/>
    </xf>
    <xf numFmtId="0" fontId="3" fillId="0" borderId="37" xfId="0" applyFont="1" applyBorder="1" applyAlignment="1">
      <alignment horizontal="center" vertical="center"/>
    </xf>
    <xf numFmtId="0" fontId="7" fillId="0" borderId="1" xfId="0" applyFont="1" applyBorder="1" applyAlignment="1">
      <alignment horizontal="left" vertical="center"/>
    </xf>
    <xf numFmtId="0" fontId="7" fillId="0" borderId="0" xfId="0" applyFont="1" applyBorder="1" applyAlignment="1">
      <alignment horizontal="left" vertical="center"/>
    </xf>
    <xf numFmtId="0" fontId="7" fillId="0" borderId="8" xfId="0" applyFont="1" applyBorder="1" applyAlignment="1">
      <alignment horizontal="left" vertical="center"/>
    </xf>
    <xf numFmtId="0" fontId="7" fillId="0" borderId="24" xfId="0" applyFont="1" applyBorder="1" applyAlignment="1">
      <alignment horizontal="left" vertical="center"/>
    </xf>
    <xf numFmtId="0" fontId="7" fillId="0" borderId="15" xfId="0" applyFont="1" applyBorder="1" applyAlignment="1">
      <alignment horizontal="left" vertical="center"/>
    </xf>
    <xf numFmtId="0" fontId="7" fillId="0" borderId="14" xfId="0" applyFont="1" applyBorder="1" applyAlignment="1">
      <alignment horizontal="left" vertical="center"/>
    </xf>
    <xf numFmtId="0" fontId="8" fillId="0" borderId="26" xfId="0" applyFont="1" applyBorder="1" applyAlignment="1">
      <alignment horizontal="center" vertical="center"/>
    </xf>
    <xf numFmtId="0" fontId="8" fillId="0" borderId="5" xfId="0" applyFont="1" applyBorder="1" applyAlignment="1">
      <alignment horizontal="left" vertical="center"/>
    </xf>
    <xf numFmtId="0" fontId="8" fillId="0" borderId="6" xfId="0" applyFont="1" applyBorder="1" applyAlignment="1">
      <alignment horizontal="left" vertical="center"/>
    </xf>
    <xf numFmtId="0" fontId="8" fillId="0" borderId="17" xfId="0" applyFont="1" applyBorder="1" applyAlignment="1">
      <alignment horizontal="left" vertical="center"/>
    </xf>
    <xf numFmtId="0" fontId="3" fillId="0" borderId="29" xfId="0" applyFont="1" applyBorder="1" applyAlignment="1">
      <alignment horizontal="left" vertical="center"/>
    </xf>
    <xf numFmtId="0" fontId="3" fillId="0" borderId="32" xfId="0" applyFont="1" applyBorder="1" applyAlignment="1">
      <alignment horizontal="left" vertical="center"/>
    </xf>
    <xf numFmtId="0" fontId="7" fillId="0" borderId="25" xfId="0" applyFont="1" applyBorder="1" applyAlignment="1">
      <alignment horizontal="left" vertical="center"/>
    </xf>
    <xf numFmtId="0" fontId="7" fillId="0" borderId="26" xfId="0" applyFont="1" applyBorder="1" applyAlignment="1">
      <alignment horizontal="left" vertical="center"/>
    </xf>
    <xf numFmtId="0" fontId="7" fillId="0" borderId="27" xfId="0" applyFont="1" applyBorder="1" applyAlignment="1">
      <alignment horizontal="left" vertical="center"/>
    </xf>
    <xf numFmtId="0" fontId="7" fillId="0" borderId="1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7" fillId="0" borderId="33" xfId="0" applyFont="1" applyBorder="1" applyAlignment="1">
      <alignment horizontal="left" vertical="center"/>
    </xf>
    <xf numFmtId="0" fontId="7" fillId="0" borderId="20" xfId="0" applyFont="1" applyBorder="1" applyAlignment="1">
      <alignment horizontal="left" vertical="center"/>
    </xf>
    <xf numFmtId="0" fontId="3" fillId="0" borderId="20" xfId="0" applyFont="1" applyBorder="1" applyAlignment="1">
      <alignment horizontal="left" vertical="center"/>
    </xf>
    <xf numFmtId="0" fontId="3" fillId="0" borderId="21" xfId="0" applyFont="1" applyBorder="1" applyAlignment="1">
      <alignment horizontal="left" vertical="center"/>
    </xf>
    <xf numFmtId="0" fontId="3" fillId="0" borderId="37" xfId="0" applyFont="1" applyBorder="1" applyAlignment="1">
      <alignment vertical="center"/>
    </xf>
    <xf numFmtId="0" fontId="3" fillId="0" borderId="38" xfId="0" applyFont="1" applyBorder="1" applyAlignment="1">
      <alignment vertical="center"/>
    </xf>
    <xf numFmtId="0" fontId="7" fillId="0" borderId="49" xfId="0" applyFont="1" applyBorder="1" applyAlignment="1">
      <alignment horizontal="left" vertical="center"/>
    </xf>
    <xf numFmtId="0" fontId="7" fillId="0" borderId="37" xfId="0" applyFont="1" applyBorder="1" applyAlignment="1">
      <alignment horizontal="left" vertical="center"/>
    </xf>
    <xf numFmtId="0" fontId="7" fillId="0" borderId="25" xfId="0" applyFont="1" applyBorder="1" applyAlignment="1">
      <alignment horizontal="center" vertical="center"/>
    </xf>
    <xf numFmtId="0" fontId="7" fillId="0" borderId="26" xfId="0" applyFont="1" applyBorder="1" applyAlignment="1">
      <alignment horizontal="center" vertical="center"/>
    </xf>
    <xf numFmtId="0" fontId="3" fillId="0" borderId="54" xfId="0" applyFont="1" applyBorder="1" applyAlignment="1">
      <alignment horizontal="left" vertical="center" shrinkToFit="1"/>
    </xf>
    <xf numFmtId="0" fontId="3" fillId="0" borderId="55" xfId="0" applyFont="1" applyBorder="1" applyAlignment="1">
      <alignment horizontal="left" vertical="center" shrinkToFit="1"/>
    </xf>
    <xf numFmtId="0" fontId="3" fillId="0" borderId="46" xfId="0" applyFont="1" applyBorder="1" applyAlignment="1">
      <alignment horizontal="left" vertical="center" shrinkToFit="1"/>
    </xf>
    <xf numFmtId="0" fontId="3" fillId="0" borderId="51" xfId="0" applyFont="1" applyBorder="1" applyAlignment="1">
      <alignment horizontal="left" vertical="center" shrinkToFit="1"/>
    </xf>
    <xf numFmtId="0" fontId="7" fillId="0" borderId="30" xfId="0" applyFont="1" applyBorder="1" applyAlignment="1">
      <alignment horizontal="left" vertical="center"/>
    </xf>
    <xf numFmtId="0" fontId="3" fillId="0" borderId="1" xfId="0" applyFont="1" applyBorder="1" applyAlignment="1">
      <alignment horizontal="left" vertical="top"/>
    </xf>
    <xf numFmtId="0" fontId="3" fillId="0" borderId="0" xfId="0" applyFont="1" applyBorder="1" applyAlignment="1">
      <alignment horizontal="left" vertical="top"/>
    </xf>
    <xf numFmtId="0" fontId="3" fillId="0" borderId="8" xfId="0" applyFont="1" applyBorder="1" applyAlignment="1">
      <alignment horizontal="left" vertical="top"/>
    </xf>
    <xf numFmtId="0" fontId="3" fillId="0" borderId="24" xfId="0" applyFont="1" applyBorder="1" applyAlignment="1">
      <alignment horizontal="left" vertical="top"/>
    </xf>
    <xf numFmtId="0" fontId="3" fillId="0" borderId="15" xfId="0" applyFont="1" applyBorder="1" applyAlignment="1">
      <alignment horizontal="left" vertical="top"/>
    </xf>
    <xf numFmtId="0" fontId="3" fillId="0" borderId="14" xfId="0" applyFont="1" applyBorder="1" applyAlignment="1">
      <alignment horizontal="left" vertical="top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26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7" fillId="0" borderId="34" xfId="0" applyFont="1" applyBorder="1" applyAlignment="1">
      <alignment horizontal="center" vertical="center"/>
    </xf>
    <xf numFmtId="0" fontId="7" fillId="0" borderId="35" xfId="0" applyFont="1" applyBorder="1" applyAlignment="1">
      <alignment horizontal="center" vertical="center"/>
    </xf>
    <xf numFmtId="0" fontId="7" fillId="0" borderId="42" xfId="0" applyFont="1" applyBorder="1" applyAlignment="1">
      <alignment horizontal="center" vertical="center"/>
    </xf>
    <xf numFmtId="0" fontId="7" fillId="0" borderId="43" xfId="0" applyFont="1" applyBorder="1" applyAlignment="1">
      <alignment horizontal="center" vertical="center"/>
    </xf>
    <xf numFmtId="0" fontId="7" fillId="0" borderId="44" xfId="0" applyFont="1" applyBorder="1" applyAlignment="1">
      <alignment horizontal="center" vertical="center"/>
    </xf>
    <xf numFmtId="0" fontId="6" fillId="0" borderId="60" xfId="0" applyFont="1" applyBorder="1" applyAlignment="1">
      <alignment horizontal="center" vertical="center"/>
    </xf>
    <xf numFmtId="0" fontId="6" fillId="0" borderId="61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 shrinkToFit="1"/>
    </xf>
    <xf numFmtId="0" fontId="5" fillId="0" borderId="0" xfId="0" applyFont="1" applyBorder="1" applyAlignment="1">
      <alignment horizontal="center" vertical="center" shrinkToFit="1"/>
    </xf>
    <xf numFmtId="0" fontId="7" fillId="0" borderId="81" xfId="0" applyFont="1" applyBorder="1" applyAlignment="1">
      <alignment horizontal="center" vertical="center" justifyLastLine="1"/>
    </xf>
    <xf numFmtId="0" fontId="7" fillId="0" borderId="78" xfId="0" applyFont="1" applyBorder="1" applyAlignment="1">
      <alignment horizontal="center" vertical="center" justifyLastLine="1"/>
    </xf>
    <xf numFmtId="0" fontId="7" fillId="0" borderId="79" xfId="0" applyFont="1" applyBorder="1" applyAlignment="1">
      <alignment horizontal="center" vertical="center" justifyLastLine="1"/>
    </xf>
    <xf numFmtId="0" fontId="3" fillId="0" borderId="78" xfId="0" applyFont="1" applyBorder="1" applyAlignment="1">
      <alignment horizontal="left" vertical="center"/>
    </xf>
    <xf numFmtId="0" fontId="3" fillId="0" borderId="80" xfId="0" applyFont="1" applyBorder="1" applyAlignment="1">
      <alignment horizontal="left" vertical="center"/>
    </xf>
    <xf numFmtId="0" fontId="3" fillId="0" borderId="56" xfId="0" applyFont="1" applyBorder="1" applyAlignment="1">
      <alignment horizontal="center" vertical="center"/>
    </xf>
    <xf numFmtId="0" fontId="3" fillId="0" borderId="57" xfId="0" applyFont="1" applyBorder="1" applyAlignment="1">
      <alignment horizontal="center" vertical="center"/>
    </xf>
    <xf numFmtId="0" fontId="6" fillId="0" borderId="26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center" wrapText="1"/>
    </xf>
    <xf numFmtId="0" fontId="10" fillId="0" borderId="74" xfId="0" applyFont="1" applyBorder="1" applyAlignment="1">
      <alignment vertical="center"/>
    </xf>
    <xf numFmtId="0" fontId="3" fillId="0" borderId="28" xfId="0" applyFont="1" applyBorder="1" applyAlignment="1">
      <alignment horizontal="left" vertical="center" shrinkToFit="1"/>
    </xf>
    <xf numFmtId="0" fontId="3" fillId="0" borderId="6" xfId="0" applyFont="1" applyBorder="1" applyAlignment="1">
      <alignment horizontal="left" vertical="center" shrinkToFit="1"/>
    </xf>
    <xf numFmtId="0" fontId="3" fillId="0" borderId="17" xfId="0" applyFont="1" applyBorder="1" applyAlignment="1">
      <alignment horizontal="left" vertical="center" shrinkToFit="1"/>
    </xf>
    <xf numFmtId="0" fontId="3" fillId="0" borderId="16" xfId="0" applyFont="1" applyBorder="1" applyAlignment="1">
      <alignment horizontal="left" vertical="center" shrinkToFit="1"/>
    </xf>
    <xf numFmtId="0" fontId="3" fillId="0" borderId="3" xfId="0" applyFont="1" applyBorder="1" applyAlignment="1">
      <alignment horizontal="left" vertical="center" shrinkToFit="1"/>
    </xf>
    <xf numFmtId="0" fontId="3" fillId="0" borderId="4" xfId="0" applyFont="1" applyBorder="1" applyAlignment="1">
      <alignment horizontal="left" vertical="center" shrinkToFit="1"/>
    </xf>
    <xf numFmtId="0" fontId="3" fillId="0" borderId="18" xfId="0" applyFont="1" applyBorder="1" applyAlignment="1">
      <alignment horizontal="left" vertical="center" shrinkToFit="1"/>
    </xf>
    <xf numFmtId="0" fontId="3" fillId="0" borderId="15" xfId="0" applyFont="1" applyBorder="1" applyAlignment="1">
      <alignment horizontal="left" vertical="center" shrinkToFit="1"/>
    </xf>
    <xf numFmtId="0" fontId="3" fillId="0" borderId="40" xfId="0" applyFont="1" applyBorder="1" applyAlignment="1">
      <alignment horizontal="left" vertical="center" shrinkToFit="1"/>
    </xf>
    <xf numFmtId="0" fontId="8" fillId="0" borderId="6" xfId="0" applyFont="1" applyBorder="1" applyAlignment="1">
      <alignment horizontal="left" vertical="center" shrinkToFit="1"/>
    </xf>
    <xf numFmtId="0" fontId="8" fillId="0" borderId="7" xfId="0" applyFont="1" applyBorder="1" applyAlignment="1">
      <alignment horizontal="left" vertical="center" shrinkToFit="1"/>
    </xf>
    <xf numFmtId="0" fontId="8" fillId="0" borderId="18" xfId="0" applyFont="1" applyBorder="1" applyAlignment="1">
      <alignment horizontal="center" vertical="center" shrinkToFit="1"/>
    </xf>
    <xf numFmtId="0" fontId="8" fillId="0" borderId="15" xfId="0" applyFont="1" applyBorder="1" applyAlignment="1">
      <alignment horizontal="center" vertical="center" shrinkToFit="1"/>
    </xf>
    <xf numFmtId="0" fontId="8" fillId="0" borderId="14" xfId="0" applyFont="1" applyBorder="1" applyAlignment="1">
      <alignment horizontal="center" vertical="center" shrinkToFit="1"/>
    </xf>
    <xf numFmtId="0" fontId="8" fillId="0" borderId="16" xfId="0" applyFont="1" applyBorder="1" applyAlignment="1">
      <alignment horizontal="center" vertical="center" shrinkToFit="1"/>
    </xf>
    <xf numFmtId="0" fontId="8" fillId="0" borderId="3" xfId="0" applyFont="1" applyBorder="1" applyAlignment="1">
      <alignment horizontal="center" vertical="center" shrinkToFit="1"/>
    </xf>
    <xf numFmtId="0" fontId="8" fillId="0" borderId="9" xfId="0" applyFont="1" applyBorder="1" applyAlignment="1">
      <alignment horizontal="center" vertical="center" shrinkToFit="1"/>
    </xf>
    <xf numFmtId="0" fontId="3" fillId="0" borderId="6" xfId="0" applyFont="1" applyBorder="1" applyAlignment="1">
      <alignment horizontal="center" vertical="center" shrinkToFit="1"/>
    </xf>
    <xf numFmtId="0" fontId="3" fillId="0" borderId="7" xfId="0" applyFont="1" applyBorder="1" applyAlignment="1">
      <alignment horizontal="center" vertical="center" shrinkToFit="1"/>
    </xf>
    <xf numFmtId="0" fontId="3" fillId="0" borderId="15" xfId="0" applyFont="1" applyBorder="1" applyAlignment="1">
      <alignment horizontal="center" vertical="center" shrinkToFit="1"/>
    </xf>
    <xf numFmtId="0" fontId="3" fillId="0" borderId="14" xfId="0" applyFont="1" applyBorder="1" applyAlignment="1">
      <alignment horizontal="center" vertical="center" shrinkToFit="1"/>
    </xf>
    <xf numFmtId="0" fontId="3" fillId="0" borderId="28" xfId="0" applyFont="1" applyBorder="1" applyAlignment="1">
      <alignment horizontal="center" vertical="center" shrinkToFit="1"/>
    </xf>
    <xf numFmtId="0" fontId="3" fillId="0" borderId="18" xfId="0" applyFont="1" applyBorder="1" applyAlignment="1">
      <alignment horizontal="center" vertical="center" shrinkToFit="1"/>
    </xf>
    <xf numFmtId="0" fontId="7" fillId="0" borderId="36" xfId="0" applyFont="1" applyBorder="1" applyAlignment="1">
      <alignment horizontal="center" vertical="center"/>
    </xf>
    <xf numFmtId="0" fontId="7" fillId="0" borderId="45" xfId="0" applyFont="1" applyBorder="1" applyAlignment="1">
      <alignment horizontal="center" vertical="center"/>
    </xf>
    <xf numFmtId="0" fontId="7" fillId="0" borderId="33" xfId="0" applyFont="1" applyBorder="1" applyAlignment="1">
      <alignment horizontal="center" vertical="center"/>
    </xf>
    <xf numFmtId="0" fontId="7" fillId="0" borderId="20" xfId="0" applyFont="1" applyBorder="1" applyAlignment="1">
      <alignment horizontal="center" vertical="center"/>
    </xf>
    <xf numFmtId="0" fontId="7" fillId="0" borderId="23" xfId="0" applyFont="1" applyBorder="1" applyAlignment="1">
      <alignment horizontal="center" vertical="center"/>
    </xf>
    <xf numFmtId="0" fontId="3" fillId="0" borderId="15" xfId="0" applyFont="1" applyBorder="1" applyAlignment="1">
      <alignment horizontal="right" vertical="center"/>
    </xf>
    <xf numFmtId="0" fontId="3" fillId="0" borderId="75" xfId="0" applyFont="1" applyBorder="1" applyAlignment="1">
      <alignment horizontal="left" vertical="center"/>
    </xf>
    <xf numFmtId="0" fontId="3" fillId="0" borderId="76" xfId="0" applyFont="1" applyBorder="1" applyAlignment="1">
      <alignment horizontal="left" vertical="center"/>
    </xf>
    <xf numFmtId="0" fontId="3" fillId="0" borderId="41" xfId="0" applyFont="1" applyBorder="1" applyAlignment="1">
      <alignment horizontal="left" vertical="center"/>
    </xf>
    <xf numFmtId="0" fontId="3" fillId="0" borderId="77" xfId="0" applyFont="1" applyBorder="1" applyAlignment="1">
      <alignment horizontal="left" vertical="center"/>
    </xf>
    <xf numFmtId="0" fontId="7" fillId="0" borderId="30" xfId="0" applyFont="1" applyBorder="1" applyAlignment="1">
      <alignment horizontal="center" vertical="center"/>
    </xf>
    <xf numFmtId="0" fontId="8" fillId="0" borderId="1" xfId="0" applyFont="1" applyBorder="1" applyAlignment="1">
      <alignment horizontal="center" vertical="center" shrinkToFit="1"/>
    </xf>
    <xf numFmtId="0" fontId="8" fillId="0" borderId="0" xfId="0" applyFont="1" applyBorder="1" applyAlignment="1">
      <alignment horizontal="center" vertical="center" shrinkToFit="1"/>
    </xf>
    <xf numFmtId="0" fontId="8" fillId="0" borderId="22" xfId="0" applyFont="1" applyBorder="1" applyAlignment="1">
      <alignment horizontal="center" vertical="center" shrinkToFit="1"/>
    </xf>
    <xf numFmtId="0" fontId="7" fillId="0" borderId="33" xfId="0" applyFont="1" applyBorder="1" applyAlignment="1">
      <alignment horizontal="center" vertical="center" shrinkToFit="1"/>
    </xf>
    <xf numFmtId="0" fontId="7" fillId="0" borderId="20" xfId="0" applyFont="1" applyBorder="1" applyAlignment="1">
      <alignment horizontal="center" vertical="center" shrinkToFit="1"/>
    </xf>
    <xf numFmtId="0" fontId="7" fillId="0" borderId="21" xfId="0" applyFont="1" applyBorder="1" applyAlignment="1">
      <alignment horizontal="center" vertical="center" shrinkToFit="1"/>
    </xf>
    <xf numFmtId="0" fontId="3" fillId="0" borderId="36" xfId="0" applyFont="1" applyBorder="1" applyAlignment="1">
      <alignment horizontal="center" vertical="center"/>
    </xf>
    <xf numFmtId="0" fontId="3" fillId="0" borderId="43" xfId="0" applyFont="1" applyBorder="1" applyAlignment="1">
      <alignment horizontal="center" vertical="center"/>
    </xf>
    <xf numFmtId="0" fontId="3" fillId="0" borderId="0" xfId="0" applyFont="1" applyBorder="1" applyAlignment="1">
      <alignment horizontal="left" vertical="center"/>
    </xf>
    <xf numFmtId="0" fontId="3" fillId="0" borderId="3" xfId="0" applyFont="1" applyBorder="1" applyAlignment="1">
      <alignment horizontal="left" vertical="center"/>
    </xf>
    <xf numFmtId="0" fontId="3" fillId="0" borderId="4" xfId="0" applyFont="1" applyBorder="1" applyAlignment="1">
      <alignment horizontal="left" vertical="center"/>
    </xf>
    <xf numFmtId="0" fontId="3" fillId="0" borderId="16" xfId="0" applyFont="1" applyBorder="1" applyAlignment="1">
      <alignment horizontal="center" vertical="center"/>
    </xf>
    <xf numFmtId="0" fontId="3" fillId="0" borderId="9" xfId="0" applyFont="1" applyBorder="1" applyAlignment="1">
      <alignment horizontal="left" vertical="center"/>
    </xf>
    <xf numFmtId="0" fontId="7" fillId="0" borderId="1" xfId="0" applyFont="1" applyBorder="1" applyAlignment="1">
      <alignment horizontal="center" vertical="center" shrinkToFit="1"/>
    </xf>
    <xf numFmtId="0" fontId="7" fillId="0" borderId="0" xfId="0" applyFont="1" applyBorder="1" applyAlignment="1">
      <alignment horizontal="center" vertical="center" shrinkToFit="1"/>
    </xf>
    <xf numFmtId="0" fontId="7" fillId="0" borderId="22" xfId="0" applyFont="1" applyBorder="1" applyAlignment="1">
      <alignment horizontal="center" vertical="center" shrinkToFit="1"/>
    </xf>
    <xf numFmtId="0" fontId="8" fillId="0" borderId="5" xfId="0" applyFont="1" applyBorder="1" applyAlignment="1">
      <alignment horizontal="center" vertical="center" shrinkToFit="1"/>
    </xf>
    <xf numFmtId="0" fontId="8" fillId="0" borderId="6" xfId="0" applyFont="1" applyBorder="1" applyAlignment="1">
      <alignment horizontal="center" vertical="center" shrinkToFit="1"/>
    </xf>
    <xf numFmtId="0" fontId="8" fillId="0" borderId="17" xfId="0" applyFont="1" applyBorder="1" applyAlignment="1">
      <alignment horizontal="center" vertical="center" shrinkToFit="1"/>
    </xf>
    <xf numFmtId="0" fontId="3" fillId="0" borderId="28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28" xfId="0" applyFont="1" applyBorder="1" applyAlignment="1">
      <alignment horizontal="left" vertical="center"/>
    </xf>
    <xf numFmtId="0" fontId="3" fillId="0" borderId="6" xfId="0" applyFont="1" applyBorder="1" applyAlignment="1">
      <alignment horizontal="left" vertical="center"/>
    </xf>
    <xf numFmtId="0" fontId="3" fillId="0" borderId="17" xfId="0" applyFont="1" applyBorder="1" applyAlignment="1">
      <alignment horizontal="left" vertical="center"/>
    </xf>
    <xf numFmtId="0" fontId="3" fillId="0" borderId="16" xfId="0" applyFont="1" applyBorder="1" applyAlignment="1">
      <alignment horizontal="left" vertical="center"/>
    </xf>
    <xf numFmtId="0" fontId="7" fillId="0" borderId="23" xfId="0" applyFont="1" applyBorder="1" applyAlignment="1">
      <alignment horizontal="center" vertical="center" shrinkToFit="1"/>
    </xf>
    <xf numFmtId="0" fontId="3" fillId="0" borderId="18" xfId="0" applyFont="1" applyBorder="1" applyAlignment="1">
      <alignment horizontal="center" vertical="center"/>
    </xf>
    <xf numFmtId="0" fontId="3" fillId="0" borderId="40" xfId="0" applyFont="1" applyBorder="1" applyAlignment="1">
      <alignment horizontal="center" vertical="center"/>
    </xf>
    <xf numFmtId="0" fontId="3" fillId="0" borderId="18" xfId="0" applyFont="1" applyBorder="1" applyAlignment="1">
      <alignment horizontal="left" vertical="center"/>
    </xf>
    <xf numFmtId="0" fontId="3" fillId="0" borderId="15" xfId="0" applyFont="1" applyBorder="1" applyAlignment="1">
      <alignment horizontal="left" vertical="center"/>
    </xf>
    <xf numFmtId="0" fontId="3" fillId="0" borderId="40" xfId="0" applyFont="1" applyBorder="1" applyAlignment="1">
      <alignment horizontal="left" vertical="center"/>
    </xf>
    <xf numFmtId="0" fontId="7" fillId="0" borderId="84" xfId="0" applyFont="1" applyBorder="1" applyAlignment="1">
      <alignment horizontal="center" vertical="center"/>
    </xf>
    <xf numFmtId="0" fontId="7" fillId="0" borderId="83" xfId="0" applyFont="1" applyBorder="1" applyAlignment="1">
      <alignment horizontal="left" vertical="center"/>
    </xf>
    <xf numFmtId="0" fontId="7" fillId="0" borderId="12" xfId="0" applyFont="1" applyBorder="1" applyAlignment="1">
      <alignment horizontal="left" vertical="center"/>
    </xf>
    <xf numFmtId="49" fontId="3" fillId="0" borderId="0" xfId="0" applyNumberFormat="1" applyFont="1" applyBorder="1" applyAlignment="1">
      <alignment horizontal="center" vertical="center"/>
    </xf>
    <xf numFmtId="49" fontId="3" fillId="0" borderId="8" xfId="0" applyNumberFormat="1" applyFont="1" applyBorder="1" applyAlignment="1">
      <alignment horizontal="center" vertical="center"/>
    </xf>
    <xf numFmtId="0" fontId="3" fillId="0" borderId="43" xfId="0" applyFont="1" applyBorder="1" applyAlignment="1">
      <alignment horizontal="left" vertical="center"/>
    </xf>
    <xf numFmtId="0" fontId="3" fillId="0" borderId="44" xfId="0" applyFont="1" applyBorder="1" applyAlignment="1">
      <alignment horizontal="left" vertical="center"/>
    </xf>
    <xf numFmtId="0" fontId="3" fillId="0" borderId="45" xfId="0" applyFont="1" applyBorder="1" applyAlignment="1">
      <alignment horizontal="left" vertical="center"/>
    </xf>
    <xf numFmtId="0" fontId="3" fillId="0" borderId="86" xfId="0" applyFont="1" applyBorder="1" applyAlignment="1">
      <alignment horizontal="left" vertical="center"/>
    </xf>
    <xf numFmtId="0" fontId="3" fillId="0" borderId="87" xfId="0" applyFont="1" applyBorder="1" applyAlignment="1">
      <alignment horizontal="left" vertical="center"/>
    </xf>
    <xf numFmtId="0" fontId="7" fillId="0" borderId="29" xfId="0" applyFont="1" applyBorder="1" applyAlignment="1">
      <alignment horizontal="center" vertical="center"/>
    </xf>
    <xf numFmtId="0" fontId="7" fillId="0" borderId="32" xfId="0" applyFont="1" applyBorder="1" applyAlignment="1">
      <alignment horizontal="center" vertical="center"/>
    </xf>
    <xf numFmtId="0" fontId="11" fillId="0" borderId="1" xfId="0" applyFont="1" applyBorder="1" applyAlignment="1">
      <alignment horizontal="left" vertical="center"/>
    </xf>
    <xf numFmtId="0" fontId="11" fillId="0" borderId="0" xfId="0" applyFont="1" applyBorder="1" applyAlignment="1">
      <alignment horizontal="left" vertical="center"/>
    </xf>
    <xf numFmtId="0" fontId="7" fillId="0" borderId="82" xfId="0" applyFont="1" applyBorder="1" applyAlignment="1">
      <alignment horizontal="left" vertical="center" justifyLastLine="1"/>
    </xf>
    <xf numFmtId="0" fontId="7" fillId="0" borderId="56" xfId="0" applyFont="1" applyBorder="1" applyAlignment="1">
      <alignment horizontal="left" vertical="center" justifyLastLine="1"/>
    </xf>
    <xf numFmtId="0" fontId="3" fillId="0" borderId="1" xfId="0" applyFont="1" applyBorder="1" applyAlignment="1">
      <alignment horizontal="left" vertical="center"/>
    </xf>
    <xf numFmtId="0" fontId="3" fillId="0" borderId="24" xfId="0" applyFont="1" applyBorder="1" applyAlignment="1">
      <alignment horizontal="left" vertical="center"/>
    </xf>
    <xf numFmtId="0" fontId="15" fillId="0" borderId="0" xfId="0" applyFont="1" applyBorder="1" applyAlignment="1">
      <alignment horizontal="left" vertical="center" shrinkToFit="1"/>
    </xf>
    <xf numFmtId="0" fontId="15" fillId="0" borderId="8" xfId="0" applyFont="1" applyBorder="1" applyAlignment="1">
      <alignment horizontal="left" vertical="center" shrinkToFit="1"/>
    </xf>
    <xf numFmtId="0" fontId="15" fillId="0" borderId="15" xfId="0" applyFont="1" applyBorder="1" applyAlignment="1">
      <alignment horizontal="left" vertical="center" shrinkToFit="1"/>
    </xf>
    <xf numFmtId="0" fontId="15" fillId="0" borderId="14" xfId="0" applyFont="1" applyBorder="1" applyAlignment="1">
      <alignment horizontal="left" vertical="center" shrinkToFit="1"/>
    </xf>
    <xf numFmtId="0" fontId="15" fillId="0" borderId="39" xfId="0" applyFont="1" applyBorder="1" applyAlignment="1">
      <alignment horizontal="center" vertical="center"/>
    </xf>
    <xf numFmtId="0" fontId="15" fillId="0" borderId="12" xfId="0" applyFont="1" applyBorder="1" applyAlignment="1">
      <alignment horizontal="center" vertical="center"/>
    </xf>
    <xf numFmtId="0" fontId="15" fillId="0" borderId="19" xfId="0" applyFont="1" applyBorder="1" applyAlignment="1">
      <alignment horizontal="center" vertical="center"/>
    </xf>
    <xf numFmtId="0" fontId="15" fillId="0" borderId="13" xfId="0" applyFont="1" applyBorder="1" applyAlignment="1">
      <alignment horizontal="center" vertical="center"/>
    </xf>
    <xf numFmtId="0" fontId="15" fillId="0" borderId="0" xfId="0" applyFont="1" applyBorder="1" applyAlignment="1">
      <alignment horizontal="center" vertical="center"/>
    </xf>
    <xf numFmtId="0" fontId="15" fillId="0" borderId="8" xfId="0" applyFont="1" applyBorder="1" applyAlignment="1">
      <alignment horizontal="center" vertical="center"/>
    </xf>
    <xf numFmtId="0" fontId="16" fillId="0" borderId="12" xfId="0" applyFont="1" applyBorder="1" applyAlignment="1">
      <alignment horizontal="left" vertical="center"/>
    </xf>
    <xf numFmtId="0" fontId="16" fillId="0" borderId="31" xfId="0" applyFont="1" applyBorder="1" applyAlignment="1">
      <alignment horizontal="left" vertical="center"/>
    </xf>
    <xf numFmtId="0" fontId="16" fillId="0" borderId="0" xfId="0" applyFont="1" applyBorder="1" applyAlignment="1">
      <alignment horizontal="left" vertical="center"/>
    </xf>
    <xf numFmtId="0" fontId="16" fillId="0" borderId="22" xfId="0" applyFont="1" applyBorder="1" applyAlignment="1">
      <alignment horizontal="left" vertical="center"/>
    </xf>
    <xf numFmtId="0" fontId="3" fillId="0" borderId="78" xfId="0" applyFont="1" applyBorder="1" applyAlignment="1">
      <alignment horizontal="left" vertical="center" shrinkToFit="1"/>
    </xf>
    <xf numFmtId="0" fontId="3" fillId="0" borderId="79" xfId="0" applyFont="1" applyBorder="1" applyAlignment="1">
      <alignment horizontal="left" vertical="center" shrinkToFit="1"/>
    </xf>
    <xf numFmtId="0" fontId="3" fillId="0" borderId="12" xfId="0" applyFont="1" applyBorder="1" applyAlignment="1">
      <alignment horizontal="center" vertical="center"/>
    </xf>
    <xf numFmtId="0" fontId="12" fillId="0" borderId="5" xfId="0" applyFont="1" applyBorder="1" applyAlignment="1">
      <alignment horizontal="center" vertical="center"/>
    </xf>
    <xf numFmtId="0" fontId="12" fillId="0" borderId="6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7" fillId="0" borderId="42" xfId="0" applyFont="1" applyBorder="1" applyAlignment="1">
      <alignment horizontal="center" vertical="center" shrinkToFit="1"/>
    </xf>
    <xf numFmtId="0" fontId="7" fillId="0" borderId="43" xfId="0" applyFont="1" applyBorder="1" applyAlignment="1">
      <alignment horizontal="center" vertical="center" shrinkToFit="1"/>
    </xf>
    <xf numFmtId="0" fontId="7" fillId="0" borderId="44" xfId="0" applyFont="1" applyBorder="1" applyAlignment="1">
      <alignment horizontal="center" vertical="center" shrinkToFit="1"/>
    </xf>
    <xf numFmtId="0" fontId="3" fillId="0" borderId="30" xfId="0" applyFont="1" applyBorder="1" applyAlignment="1">
      <alignment horizontal="left" vertical="center"/>
    </xf>
    <xf numFmtId="0" fontId="3" fillId="0" borderId="23" xfId="0" applyFont="1" applyBorder="1" applyAlignment="1">
      <alignment horizontal="left" vertical="center"/>
    </xf>
    <xf numFmtId="0" fontId="3" fillId="0" borderId="49" xfId="0" applyFont="1" applyBorder="1" applyAlignment="1">
      <alignment horizontal="left" vertical="center"/>
    </xf>
    <xf numFmtId="0" fontId="3" fillId="0" borderId="37" xfId="0" applyFont="1" applyBorder="1" applyAlignment="1">
      <alignment horizontal="left" vertical="center"/>
    </xf>
    <xf numFmtId="0" fontId="3" fillId="0" borderId="85" xfId="0" applyFont="1" applyBorder="1" applyAlignment="1">
      <alignment horizontal="left" vertical="center"/>
    </xf>
    <xf numFmtId="0" fontId="3" fillId="0" borderId="30" xfId="0" applyFont="1" applyBorder="1" applyAlignment="1">
      <alignment horizontal="left" vertical="center" shrinkToFit="1"/>
    </xf>
    <xf numFmtId="0" fontId="3" fillId="0" borderId="20" xfId="0" applyFont="1" applyBorder="1" applyAlignment="1">
      <alignment horizontal="left" vertical="center" shrinkToFit="1"/>
    </xf>
    <xf numFmtId="0" fontId="3" fillId="0" borderId="23" xfId="0" applyFont="1" applyBorder="1" applyAlignment="1">
      <alignment horizontal="left" vertical="center" shrinkToFit="1"/>
    </xf>
    <xf numFmtId="0" fontId="7" fillId="0" borderId="15" xfId="0" applyFont="1" applyBorder="1" applyAlignment="1">
      <alignment horizontal="center" vertical="center"/>
    </xf>
    <xf numFmtId="0" fontId="7" fillId="0" borderId="5" xfId="0" applyFont="1" applyBorder="1" applyAlignment="1">
      <alignment horizontal="left" vertical="center"/>
    </xf>
    <xf numFmtId="0" fontId="7" fillId="0" borderId="6" xfId="0" applyFont="1" applyBorder="1" applyAlignment="1">
      <alignment horizontal="left" vertical="center"/>
    </xf>
    <xf numFmtId="0" fontId="7" fillId="0" borderId="68" xfId="0" applyFont="1" applyBorder="1" applyAlignment="1">
      <alignment horizontal="left" vertical="center"/>
    </xf>
    <xf numFmtId="0" fontId="3" fillId="0" borderId="53" xfId="0" applyFont="1" applyBorder="1" applyAlignment="1">
      <alignment vertical="center"/>
    </xf>
    <xf numFmtId="0" fontId="3" fillId="0" borderId="54" xfId="0" applyFont="1" applyBorder="1" applyAlignment="1">
      <alignment vertical="center"/>
    </xf>
    <xf numFmtId="0" fontId="3" fillId="0" borderId="69" xfId="0" applyFont="1" applyBorder="1" applyAlignment="1">
      <alignment vertical="center"/>
    </xf>
    <xf numFmtId="0" fontId="7" fillId="0" borderId="7" xfId="0" applyFont="1" applyBorder="1" applyAlignment="1">
      <alignment horizontal="left" vertical="center"/>
    </xf>
    <xf numFmtId="0" fontId="7" fillId="0" borderId="30" xfId="0" applyFont="1" applyBorder="1" applyAlignment="1">
      <alignment horizontal="left" vertical="center" shrinkToFit="1"/>
    </xf>
    <xf numFmtId="0" fontId="7" fillId="0" borderId="20" xfId="0" applyFont="1" applyBorder="1" applyAlignment="1">
      <alignment horizontal="left" vertical="center" shrinkToFit="1"/>
    </xf>
    <xf numFmtId="0" fontId="7" fillId="0" borderId="5" xfId="0" applyFont="1" applyBorder="1" applyAlignment="1">
      <alignment horizontal="left" vertical="center" shrinkToFit="1"/>
    </xf>
    <xf numFmtId="0" fontId="7" fillId="0" borderId="6" xfId="0" applyFont="1" applyBorder="1" applyAlignment="1">
      <alignment horizontal="left" vertical="center" shrinkToFit="1"/>
    </xf>
    <xf numFmtId="0" fontId="3" fillId="0" borderId="47" xfId="0" applyFont="1" applyBorder="1" applyAlignment="1">
      <alignment horizontal="left" vertical="center" wrapText="1" shrinkToFit="1"/>
    </xf>
    <xf numFmtId="0" fontId="3" fillId="0" borderId="52" xfId="0" applyFont="1" applyBorder="1" applyAlignment="1">
      <alignment horizontal="left" vertical="center" wrapText="1" shrinkToFit="1"/>
    </xf>
    <xf numFmtId="0" fontId="19" fillId="0" borderId="15" xfId="0" applyFont="1" applyBorder="1" applyAlignment="1">
      <alignment horizontal="left" vertical="center"/>
    </xf>
    <xf numFmtId="0" fontId="17" fillId="0" borderId="28" xfId="0" applyFont="1" applyBorder="1" applyAlignment="1">
      <alignment horizontal="left" vertical="center" shrinkToFit="1"/>
    </xf>
    <xf numFmtId="0" fontId="17" fillId="0" borderId="6" xfId="0" applyFont="1" applyBorder="1" applyAlignment="1">
      <alignment horizontal="left" vertical="center" shrinkToFit="1"/>
    </xf>
    <xf numFmtId="0" fontId="17" fillId="0" borderId="17" xfId="0" applyFont="1" applyBorder="1" applyAlignment="1">
      <alignment horizontal="left" vertical="center" shrinkToFit="1"/>
    </xf>
    <xf numFmtId="0" fontId="17" fillId="0" borderId="16" xfId="0" applyFont="1" applyBorder="1" applyAlignment="1">
      <alignment horizontal="left" vertical="center" shrinkToFit="1"/>
    </xf>
    <xf numFmtId="0" fontId="17" fillId="0" borderId="3" xfId="0" applyFont="1" applyBorder="1" applyAlignment="1">
      <alignment horizontal="left" vertical="center" shrinkToFit="1"/>
    </xf>
    <xf numFmtId="0" fontId="17" fillId="0" borderId="4" xfId="0" applyFont="1" applyBorder="1" applyAlignment="1">
      <alignment horizontal="left" vertical="center" shrinkToFit="1"/>
    </xf>
    <xf numFmtId="0" fontId="17" fillId="0" borderId="36" xfId="0" applyFont="1" applyBorder="1" applyAlignment="1">
      <alignment horizontal="center" vertical="center"/>
    </xf>
    <xf numFmtId="0" fontId="17" fillId="0" borderId="43" xfId="0" applyFont="1" applyBorder="1" applyAlignment="1">
      <alignment horizontal="center" vertical="center"/>
    </xf>
    <xf numFmtId="0" fontId="3" fillId="0" borderId="30" xfId="0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3" fillId="0" borderId="49" xfId="0" applyFont="1" applyBorder="1" applyAlignment="1">
      <alignment horizontal="center" vertical="center"/>
    </xf>
    <xf numFmtId="0" fontId="3" fillId="0" borderId="85" xfId="0" applyFont="1" applyBorder="1" applyAlignment="1">
      <alignment horizontal="center" vertical="center"/>
    </xf>
    <xf numFmtId="0" fontId="3" fillId="0" borderId="75" xfId="0" applyFont="1" applyBorder="1" applyAlignment="1">
      <alignment horizontal="center" vertical="center"/>
    </xf>
    <xf numFmtId="0" fontId="3" fillId="0" borderId="76" xfId="0" applyFont="1" applyBorder="1" applyAlignment="1">
      <alignment horizontal="center" vertical="center"/>
    </xf>
    <xf numFmtId="0" fontId="3" fillId="0" borderId="86" xfId="0" applyFont="1" applyBorder="1" applyAlignment="1">
      <alignment horizontal="center" vertical="center"/>
    </xf>
    <xf numFmtId="0" fontId="3" fillId="0" borderId="87" xfId="0" applyFont="1" applyBorder="1" applyAlignment="1">
      <alignment horizontal="center" vertical="center"/>
    </xf>
    <xf numFmtId="0" fontId="17" fillId="0" borderId="37" xfId="0" applyFont="1" applyBorder="1" applyAlignment="1">
      <alignment horizontal="center" vertical="center"/>
    </xf>
    <xf numFmtId="0" fontId="17" fillId="0" borderId="30" xfId="0" applyFont="1" applyBorder="1" applyAlignment="1">
      <alignment horizontal="left" vertical="center" shrinkToFit="1"/>
    </xf>
    <xf numFmtId="0" fontId="17" fillId="0" borderId="20" xfId="0" applyFont="1" applyBorder="1" applyAlignment="1">
      <alignment horizontal="left" vertical="center" shrinkToFit="1"/>
    </xf>
    <xf numFmtId="0" fontId="17" fillId="0" borderId="23" xfId="0" applyFont="1" applyBorder="1" applyAlignment="1">
      <alignment horizontal="left" vertical="center" shrinkToFit="1"/>
    </xf>
    <xf numFmtId="0" fontId="17" fillId="0" borderId="28" xfId="0" applyFont="1" applyBorder="1" applyAlignment="1">
      <alignment horizontal="center" vertical="center"/>
    </xf>
    <xf numFmtId="0" fontId="17" fillId="0" borderId="6" xfId="0" applyFont="1" applyBorder="1" applyAlignment="1">
      <alignment horizontal="center" vertical="center"/>
    </xf>
    <xf numFmtId="0" fontId="17" fillId="0" borderId="17" xfId="0" applyFont="1" applyBorder="1" applyAlignment="1">
      <alignment horizontal="center" vertical="center"/>
    </xf>
    <xf numFmtId="0" fontId="17" fillId="0" borderId="16" xfId="0" applyFont="1" applyBorder="1" applyAlignment="1">
      <alignment horizontal="center" vertical="center"/>
    </xf>
    <xf numFmtId="0" fontId="17" fillId="0" borderId="3" xfId="0" applyFont="1" applyBorder="1" applyAlignment="1">
      <alignment horizontal="center" vertical="center"/>
    </xf>
    <xf numFmtId="0" fontId="17" fillId="0" borderId="4" xfId="0" applyFont="1" applyBorder="1" applyAlignment="1">
      <alignment horizontal="center" vertical="center"/>
    </xf>
    <xf numFmtId="0" fontId="17" fillId="0" borderId="28" xfId="0" applyFont="1" applyBorder="1" applyAlignment="1">
      <alignment horizontal="left" vertical="center"/>
    </xf>
    <xf numFmtId="0" fontId="17" fillId="0" borderId="6" xfId="0" applyFont="1" applyBorder="1" applyAlignment="1">
      <alignment horizontal="left" vertical="center"/>
    </xf>
    <xf numFmtId="0" fontId="17" fillId="0" borderId="17" xfId="0" applyFont="1" applyBorder="1" applyAlignment="1">
      <alignment horizontal="left" vertical="center"/>
    </xf>
    <xf numFmtId="0" fontId="17" fillId="0" borderId="16" xfId="0" applyFont="1" applyBorder="1" applyAlignment="1">
      <alignment horizontal="left" vertical="center"/>
    </xf>
    <xf numFmtId="0" fontId="17" fillId="0" borderId="3" xfId="0" applyFont="1" applyBorder="1" applyAlignment="1">
      <alignment horizontal="left" vertical="center"/>
    </xf>
    <xf numFmtId="0" fontId="17" fillId="0" borderId="4" xfId="0" applyFont="1" applyBorder="1" applyAlignment="1">
      <alignment horizontal="left" vertical="center"/>
    </xf>
    <xf numFmtId="0" fontId="17" fillId="0" borderId="75" xfId="0" applyFont="1" applyBorder="1" applyAlignment="1">
      <alignment horizontal="left" vertical="center"/>
    </xf>
    <xf numFmtId="0" fontId="17" fillId="0" borderId="76" xfId="0" applyFont="1" applyBorder="1" applyAlignment="1">
      <alignment horizontal="left" vertical="center"/>
    </xf>
    <xf numFmtId="0" fontId="17" fillId="0" borderId="41" xfId="0" applyFont="1" applyBorder="1" applyAlignment="1">
      <alignment horizontal="left" vertical="center"/>
    </xf>
    <xf numFmtId="0" fontId="17" fillId="0" borderId="77" xfId="0" applyFont="1" applyBorder="1" applyAlignment="1">
      <alignment horizontal="left" vertical="center"/>
    </xf>
    <xf numFmtId="0" fontId="17" fillId="0" borderId="26" xfId="0" applyFont="1" applyBorder="1" applyAlignment="1">
      <alignment horizontal="center" vertical="center"/>
    </xf>
    <xf numFmtId="0" fontId="17" fillId="0" borderId="15" xfId="0" applyFont="1" applyBorder="1" applyAlignment="1">
      <alignment horizontal="center" vertical="center"/>
    </xf>
    <xf numFmtId="0" fontId="17" fillId="0" borderId="28" xfId="0" applyFont="1" applyBorder="1" applyAlignment="1">
      <alignment horizontal="center" vertical="center" shrinkToFit="1"/>
    </xf>
    <xf numFmtId="0" fontId="17" fillId="0" borderId="6" xfId="0" applyFont="1" applyBorder="1" applyAlignment="1">
      <alignment horizontal="center" vertical="center" shrinkToFit="1"/>
    </xf>
    <xf numFmtId="0" fontId="17" fillId="0" borderId="18" xfId="0" applyFont="1" applyBorder="1" applyAlignment="1">
      <alignment horizontal="center" vertical="center" shrinkToFit="1"/>
    </xf>
    <xf numFmtId="0" fontId="17" fillId="0" borderId="15" xfId="0" applyFont="1" applyBorder="1" applyAlignment="1">
      <alignment horizontal="center" vertical="center" shrinkToFit="1"/>
    </xf>
    <xf numFmtId="0" fontId="17" fillId="0" borderId="24" xfId="0" applyFont="1" applyBorder="1" applyAlignment="1">
      <alignment horizontal="center" vertical="center"/>
    </xf>
    <xf numFmtId="0" fontId="18" fillId="0" borderId="0" xfId="0" applyFont="1" applyBorder="1" applyAlignment="1">
      <alignment horizontal="left" vertical="center" shrinkToFit="1"/>
    </xf>
    <xf numFmtId="0" fontId="18" fillId="0" borderId="8" xfId="0" applyFont="1" applyBorder="1" applyAlignment="1">
      <alignment horizontal="left" vertical="center" shrinkToFit="1"/>
    </xf>
    <xf numFmtId="0" fontId="18" fillId="0" borderId="15" xfId="0" applyFont="1" applyBorder="1" applyAlignment="1">
      <alignment horizontal="left" vertical="center" shrinkToFit="1"/>
    </xf>
    <xf numFmtId="0" fontId="18" fillId="0" borderId="14" xfId="0" applyFont="1" applyBorder="1" applyAlignment="1">
      <alignment horizontal="left" vertical="center" shrinkToFit="1"/>
    </xf>
    <xf numFmtId="49" fontId="17" fillId="0" borderId="0" xfId="0" applyNumberFormat="1" applyFont="1" applyBorder="1" applyAlignment="1">
      <alignment horizontal="center" vertical="center"/>
    </xf>
    <xf numFmtId="49" fontId="17" fillId="0" borderId="8" xfId="0" applyNumberFormat="1" applyFont="1" applyBorder="1" applyAlignment="1">
      <alignment horizontal="center" vertical="center"/>
    </xf>
    <xf numFmtId="0" fontId="17" fillId="0" borderId="1" xfId="0" applyFont="1" applyBorder="1" applyAlignment="1">
      <alignment horizontal="left" vertical="top" wrapText="1"/>
    </xf>
    <xf numFmtId="0" fontId="17" fillId="0" borderId="0" xfId="0" applyFont="1" applyBorder="1" applyAlignment="1">
      <alignment horizontal="left" vertical="top"/>
    </xf>
    <xf numFmtId="0" fontId="17" fillId="0" borderId="8" xfId="0" applyFont="1" applyBorder="1" applyAlignment="1">
      <alignment horizontal="left" vertical="top"/>
    </xf>
    <xf numFmtId="0" fontId="17" fillId="0" borderId="1" xfId="0" applyFont="1" applyBorder="1" applyAlignment="1">
      <alignment horizontal="left" vertical="top"/>
    </xf>
    <xf numFmtId="0" fontId="17" fillId="0" borderId="24" xfId="0" applyFont="1" applyBorder="1" applyAlignment="1">
      <alignment horizontal="left" vertical="top"/>
    </xf>
    <xf numFmtId="0" fontId="17" fillId="0" borderId="15" xfId="0" applyFont="1" applyBorder="1" applyAlignment="1">
      <alignment horizontal="left" vertical="top"/>
    </xf>
    <xf numFmtId="0" fontId="17" fillId="0" borderId="14" xfId="0" applyFont="1" applyBorder="1" applyAlignment="1">
      <alignment horizontal="left" vertical="top"/>
    </xf>
    <xf numFmtId="0" fontId="17" fillId="0" borderId="78" xfId="0" applyFont="1" applyBorder="1" applyAlignment="1">
      <alignment horizontal="left" vertical="center" shrinkToFit="1"/>
    </xf>
    <xf numFmtId="0" fontId="17" fillId="0" borderId="79" xfId="0" applyFont="1" applyBorder="1" applyAlignment="1">
      <alignment horizontal="left" vertical="center" shrinkToFit="1"/>
    </xf>
    <xf numFmtId="0" fontId="17" fillId="0" borderId="12" xfId="0" applyFont="1" applyBorder="1" applyAlignment="1">
      <alignment horizontal="center" vertical="center"/>
    </xf>
    <xf numFmtId="0" fontId="17" fillId="0" borderId="78" xfId="0" applyFont="1" applyBorder="1" applyAlignment="1">
      <alignment horizontal="left" vertical="center"/>
    </xf>
    <xf numFmtId="0" fontId="17" fillId="0" borderId="80" xfId="0" applyFont="1" applyBorder="1" applyAlignment="1">
      <alignment horizontal="left" vertical="center"/>
    </xf>
    <xf numFmtId="0" fontId="17" fillId="0" borderId="29" xfId="0" applyFont="1" applyBorder="1" applyAlignment="1">
      <alignment horizontal="left" vertical="center"/>
    </xf>
    <xf numFmtId="0" fontId="17" fillId="0" borderId="32" xfId="0" applyFont="1" applyBorder="1" applyAlignment="1">
      <alignment horizontal="left" vertical="center"/>
    </xf>
    <xf numFmtId="0" fontId="17" fillId="0" borderId="56" xfId="0" applyFont="1" applyBorder="1" applyAlignment="1">
      <alignment horizontal="center" vertical="center"/>
    </xf>
    <xf numFmtId="0" fontId="17" fillId="0" borderId="57" xfId="0" applyFont="1" applyBorder="1" applyAlignment="1">
      <alignment horizontal="center" vertical="center"/>
    </xf>
    <xf numFmtId="0" fontId="17" fillId="0" borderId="2" xfId="0" applyFont="1" applyBorder="1" applyAlignment="1">
      <alignment horizontal="center" vertical="center"/>
    </xf>
    <xf numFmtId="0" fontId="4" fillId="0" borderId="12" xfId="0" applyFont="1" applyBorder="1" applyAlignment="1">
      <alignment horizontal="left" vertical="center"/>
    </xf>
    <xf numFmtId="0" fontId="4" fillId="0" borderId="31" xfId="0" applyFont="1" applyBorder="1" applyAlignment="1">
      <alignment horizontal="left" vertical="center"/>
    </xf>
    <xf numFmtId="0" fontId="4" fillId="0" borderId="0" xfId="0" applyFont="1" applyBorder="1" applyAlignment="1">
      <alignment horizontal="left" vertical="center"/>
    </xf>
    <xf numFmtId="0" fontId="4" fillId="0" borderId="22" xfId="0" applyFont="1" applyBorder="1" applyAlignment="1">
      <alignment horizontal="left" vertical="center"/>
    </xf>
    <xf numFmtId="0" fontId="18" fillId="0" borderId="39" xfId="0" applyFont="1" applyBorder="1" applyAlignment="1">
      <alignment horizontal="center" vertical="center"/>
    </xf>
    <xf numFmtId="0" fontId="18" fillId="0" borderId="12" xfId="0" applyFont="1" applyBorder="1" applyAlignment="1">
      <alignment horizontal="center" vertical="center"/>
    </xf>
    <xf numFmtId="0" fontId="18" fillId="0" borderId="19" xfId="0" applyFont="1" applyBorder="1" applyAlignment="1">
      <alignment horizontal="center" vertical="center"/>
    </xf>
    <xf numFmtId="0" fontId="18" fillId="0" borderId="13" xfId="0" applyFont="1" applyBorder="1" applyAlignment="1">
      <alignment horizontal="center" vertical="center"/>
    </xf>
    <xf numFmtId="0" fontId="18" fillId="0" borderId="0" xfId="0" applyFont="1" applyBorder="1" applyAlignment="1">
      <alignment horizontal="center" vertical="center"/>
    </xf>
    <xf numFmtId="0" fontId="18" fillId="0" borderId="8" xfId="0" applyFont="1" applyBorder="1" applyAlignment="1">
      <alignment horizontal="center" vertical="center"/>
    </xf>
  </cellXfs>
  <cellStyles count="5">
    <cellStyle name="標準" xfId="0" builtinId="0"/>
    <cellStyle name="標準 2" xfId="1" xr:uid="{00000000-0005-0000-0000-000001000000}"/>
    <cellStyle name="標準 3" xfId="2" xr:uid="{00000000-0005-0000-0000-000002000000}"/>
    <cellStyle name="標準 4" xfId="3" xr:uid="{00000000-0005-0000-0000-000003000000}"/>
    <cellStyle name="標準 5" xfId="4" xr:uid="{00000000-0005-0000-0000-000004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2</xdr:col>
      <xdr:colOff>257175</xdr:colOff>
      <xdr:row>20</xdr:row>
      <xdr:rowOff>228599</xdr:rowOff>
    </xdr:from>
    <xdr:to>
      <xdr:col>35</xdr:col>
      <xdr:colOff>133350</xdr:colOff>
      <xdr:row>22</xdr:row>
      <xdr:rowOff>9524</xdr:rowOff>
    </xdr:to>
    <xdr:sp macro="" textlink="">
      <xdr:nvSpPr>
        <xdr:cNvPr id="2" name="楕円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/>
      </xdr:nvSpPr>
      <xdr:spPr>
        <a:xfrm>
          <a:off x="9534525" y="5067299"/>
          <a:ext cx="714375" cy="257175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6</xdr:col>
      <xdr:colOff>0</xdr:colOff>
      <xdr:row>20</xdr:row>
      <xdr:rowOff>228599</xdr:rowOff>
    </xdr:from>
    <xdr:to>
      <xdr:col>43</xdr:col>
      <xdr:colOff>47625</xdr:colOff>
      <xdr:row>22</xdr:row>
      <xdr:rowOff>9524</xdr:rowOff>
    </xdr:to>
    <xdr:sp macro="" textlink="">
      <xdr:nvSpPr>
        <xdr:cNvPr id="2" name="楕円 1">
          <a:extLst>
            <a:ext uri="{FF2B5EF4-FFF2-40B4-BE49-F238E27FC236}">
              <a16:creationId xmlns:a16="http://schemas.microsoft.com/office/drawing/2014/main" id="{00000000-0008-0000-0200-000002000000}"/>
            </a:ext>
          </a:extLst>
        </xdr:cNvPr>
        <xdr:cNvSpPr/>
      </xdr:nvSpPr>
      <xdr:spPr>
        <a:xfrm>
          <a:off x="10382250" y="5067299"/>
          <a:ext cx="1914525" cy="257175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35</xdr:col>
      <xdr:colOff>247650</xdr:colOff>
      <xdr:row>20</xdr:row>
      <xdr:rowOff>228599</xdr:rowOff>
    </xdr:from>
    <xdr:to>
      <xdr:col>43</xdr:col>
      <xdr:colOff>95250</xdr:colOff>
      <xdr:row>22</xdr:row>
      <xdr:rowOff>9524</xdr:rowOff>
    </xdr:to>
    <xdr:sp macro="" textlink="">
      <xdr:nvSpPr>
        <xdr:cNvPr id="2" name="楕円 1">
          <a:extLst>
            <a:ext uri="{FF2B5EF4-FFF2-40B4-BE49-F238E27FC236}">
              <a16:creationId xmlns:a16="http://schemas.microsoft.com/office/drawing/2014/main" id="{00000000-0008-0000-0300-000002000000}"/>
            </a:ext>
          </a:extLst>
        </xdr:cNvPr>
        <xdr:cNvSpPr/>
      </xdr:nvSpPr>
      <xdr:spPr>
        <a:xfrm>
          <a:off x="10363200" y="5067299"/>
          <a:ext cx="1981200" cy="257175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0</xdr:col>
      <xdr:colOff>104775</xdr:colOff>
      <xdr:row>1</xdr:row>
      <xdr:rowOff>47625</xdr:rowOff>
    </xdr:from>
    <xdr:to>
      <xdr:col>3</xdr:col>
      <xdr:colOff>19050</xdr:colOff>
      <xdr:row>2</xdr:row>
      <xdr:rowOff>171450</xdr:rowOff>
    </xdr:to>
    <xdr:sp macro="" textlink="">
      <xdr:nvSpPr>
        <xdr:cNvPr id="3" name="正方形/長方形 2">
          <a:extLst>
            <a:ext uri="{FF2B5EF4-FFF2-40B4-BE49-F238E27FC236}">
              <a16:creationId xmlns:a16="http://schemas.microsoft.com/office/drawing/2014/main" id="{00000000-0008-0000-0300-000003000000}"/>
            </a:ext>
          </a:extLst>
        </xdr:cNvPr>
        <xdr:cNvSpPr/>
      </xdr:nvSpPr>
      <xdr:spPr>
        <a:xfrm>
          <a:off x="104775" y="381000"/>
          <a:ext cx="876300" cy="352425"/>
        </a:xfrm>
        <a:prstGeom prst="rect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600" b="1">
              <a:solidFill>
                <a:srgbClr val="FF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記入例</a:t>
          </a:r>
          <a:endParaRPr kumimoji="1" lang="en-US" altLang="ja-JP" sz="1600" b="1">
            <a:solidFill>
              <a:srgbClr val="FF0000"/>
            </a:solidFill>
            <a:latin typeface="BIZ UDゴシック" panose="020B0400000000000000" pitchFamily="49" charset="-128"/>
            <a:ea typeface="BIZ UDゴシック" panose="020B0400000000000000" pitchFamily="49" charset="-128"/>
          </a:endParaRPr>
        </a:p>
      </xdr:txBody>
    </xdr:sp>
    <xdr:clientData/>
  </xdr:twoCellAnchor>
  <xdr:twoCellAnchor>
    <xdr:from>
      <xdr:col>4</xdr:col>
      <xdr:colOff>19049</xdr:colOff>
      <xdr:row>8</xdr:row>
      <xdr:rowOff>28575</xdr:rowOff>
    </xdr:from>
    <xdr:to>
      <xdr:col>4</xdr:col>
      <xdr:colOff>343049</xdr:colOff>
      <xdr:row>9</xdr:row>
      <xdr:rowOff>42450</xdr:rowOff>
    </xdr:to>
    <xdr:sp macro="" textlink="">
      <xdr:nvSpPr>
        <xdr:cNvPr id="4" name="楕円 3">
          <a:extLst>
            <a:ext uri="{FF2B5EF4-FFF2-40B4-BE49-F238E27FC236}">
              <a16:creationId xmlns:a16="http://schemas.microsoft.com/office/drawing/2014/main" id="{00000000-0008-0000-0300-000004000000}"/>
            </a:ext>
          </a:extLst>
        </xdr:cNvPr>
        <xdr:cNvSpPr/>
      </xdr:nvSpPr>
      <xdr:spPr>
        <a:xfrm>
          <a:off x="1276349" y="2009775"/>
          <a:ext cx="324000" cy="25200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142874</xdr:colOff>
      <xdr:row>14</xdr:row>
      <xdr:rowOff>219075</xdr:rowOff>
    </xdr:from>
    <xdr:to>
      <xdr:col>2</xdr:col>
      <xdr:colOff>171599</xdr:colOff>
      <xdr:row>15</xdr:row>
      <xdr:rowOff>232950</xdr:rowOff>
    </xdr:to>
    <xdr:sp macro="" textlink="">
      <xdr:nvSpPr>
        <xdr:cNvPr id="5" name="楕円 4">
          <a:extLst>
            <a:ext uri="{FF2B5EF4-FFF2-40B4-BE49-F238E27FC236}">
              <a16:creationId xmlns:a16="http://schemas.microsoft.com/office/drawing/2014/main" id="{00000000-0008-0000-0300-000005000000}"/>
            </a:ext>
          </a:extLst>
        </xdr:cNvPr>
        <xdr:cNvSpPr/>
      </xdr:nvSpPr>
      <xdr:spPr>
        <a:xfrm>
          <a:off x="514349" y="3629025"/>
          <a:ext cx="324000" cy="25200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9</xdr:col>
      <xdr:colOff>304799</xdr:colOff>
      <xdr:row>15</xdr:row>
      <xdr:rowOff>104775</xdr:rowOff>
    </xdr:from>
    <xdr:to>
      <xdr:col>21</xdr:col>
      <xdr:colOff>76349</xdr:colOff>
      <xdr:row>16</xdr:row>
      <xdr:rowOff>118650</xdr:rowOff>
    </xdr:to>
    <xdr:sp macro="" textlink="">
      <xdr:nvSpPr>
        <xdr:cNvPr id="6" name="楕円 5">
          <a:extLst>
            <a:ext uri="{FF2B5EF4-FFF2-40B4-BE49-F238E27FC236}">
              <a16:creationId xmlns:a16="http://schemas.microsoft.com/office/drawing/2014/main" id="{00000000-0008-0000-0300-000006000000}"/>
            </a:ext>
          </a:extLst>
        </xdr:cNvPr>
        <xdr:cNvSpPr/>
      </xdr:nvSpPr>
      <xdr:spPr>
        <a:xfrm>
          <a:off x="5934074" y="3752850"/>
          <a:ext cx="324000" cy="25200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266699</xdr:colOff>
      <xdr:row>19</xdr:row>
      <xdr:rowOff>0</xdr:rowOff>
    </xdr:from>
    <xdr:to>
      <xdr:col>4</xdr:col>
      <xdr:colOff>295424</xdr:colOff>
      <xdr:row>20</xdr:row>
      <xdr:rowOff>13875</xdr:rowOff>
    </xdr:to>
    <xdr:sp macro="" textlink="">
      <xdr:nvSpPr>
        <xdr:cNvPr id="7" name="楕円 6">
          <a:extLst>
            <a:ext uri="{FF2B5EF4-FFF2-40B4-BE49-F238E27FC236}">
              <a16:creationId xmlns:a16="http://schemas.microsoft.com/office/drawing/2014/main" id="{00000000-0008-0000-0300-000007000000}"/>
            </a:ext>
          </a:extLst>
        </xdr:cNvPr>
        <xdr:cNvSpPr/>
      </xdr:nvSpPr>
      <xdr:spPr>
        <a:xfrm>
          <a:off x="1228724" y="4600575"/>
          <a:ext cx="324000" cy="25200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314324</xdr:colOff>
      <xdr:row>19</xdr:row>
      <xdr:rowOff>0</xdr:rowOff>
    </xdr:from>
    <xdr:to>
      <xdr:col>10</xdr:col>
      <xdr:colOff>257324</xdr:colOff>
      <xdr:row>20</xdr:row>
      <xdr:rowOff>13875</xdr:rowOff>
    </xdr:to>
    <xdr:sp macro="" textlink="">
      <xdr:nvSpPr>
        <xdr:cNvPr id="8" name="楕円 7">
          <a:extLst>
            <a:ext uri="{FF2B5EF4-FFF2-40B4-BE49-F238E27FC236}">
              <a16:creationId xmlns:a16="http://schemas.microsoft.com/office/drawing/2014/main" id="{00000000-0008-0000-0300-000008000000}"/>
            </a:ext>
          </a:extLst>
        </xdr:cNvPr>
        <xdr:cNvSpPr/>
      </xdr:nvSpPr>
      <xdr:spPr>
        <a:xfrm>
          <a:off x="3086099" y="4600575"/>
          <a:ext cx="324000" cy="25200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323849</xdr:colOff>
      <xdr:row>21</xdr:row>
      <xdr:rowOff>0</xdr:rowOff>
    </xdr:from>
    <xdr:to>
      <xdr:col>5</xdr:col>
      <xdr:colOff>266849</xdr:colOff>
      <xdr:row>22</xdr:row>
      <xdr:rowOff>13875</xdr:rowOff>
    </xdr:to>
    <xdr:sp macro="" textlink="">
      <xdr:nvSpPr>
        <xdr:cNvPr id="9" name="楕円 8">
          <a:extLst>
            <a:ext uri="{FF2B5EF4-FFF2-40B4-BE49-F238E27FC236}">
              <a16:creationId xmlns:a16="http://schemas.microsoft.com/office/drawing/2014/main" id="{00000000-0008-0000-0300-000009000000}"/>
            </a:ext>
          </a:extLst>
        </xdr:cNvPr>
        <xdr:cNvSpPr/>
      </xdr:nvSpPr>
      <xdr:spPr>
        <a:xfrm>
          <a:off x="1581149" y="5076825"/>
          <a:ext cx="324000" cy="25200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323849</xdr:colOff>
      <xdr:row>22</xdr:row>
      <xdr:rowOff>228600</xdr:rowOff>
    </xdr:from>
    <xdr:to>
      <xdr:col>5</xdr:col>
      <xdr:colOff>266849</xdr:colOff>
      <xdr:row>24</xdr:row>
      <xdr:rowOff>4350</xdr:rowOff>
    </xdr:to>
    <xdr:sp macro="" textlink="">
      <xdr:nvSpPr>
        <xdr:cNvPr id="10" name="楕円 9">
          <a:extLst>
            <a:ext uri="{FF2B5EF4-FFF2-40B4-BE49-F238E27FC236}">
              <a16:creationId xmlns:a16="http://schemas.microsoft.com/office/drawing/2014/main" id="{00000000-0008-0000-0300-00000A000000}"/>
            </a:ext>
          </a:extLst>
        </xdr:cNvPr>
        <xdr:cNvSpPr/>
      </xdr:nvSpPr>
      <xdr:spPr>
        <a:xfrm>
          <a:off x="1581149" y="5543550"/>
          <a:ext cx="324000" cy="25200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323849</xdr:colOff>
      <xdr:row>24</xdr:row>
      <xdr:rowOff>228600</xdr:rowOff>
    </xdr:from>
    <xdr:to>
      <xdr:col>5</xdr:col>
      <xdr:colOff>266849</xdr:colOff>
      <xdr:row>26</xdr:row>
      <xdr:rowOff>4350</xdr:rowOff>
    </xdr:to>
    <xdr:sp macro="" textlink="">
      <xdr:nvSpPr>
        <xdr:cNvPr id="11" name="楕円 10">
          <a:extLst>
            <a:ext uri="{FF2B5EF4-FFF2-40B4-BE49-F238E27FC236}">
              <a16:creationId xmlns:a16="http://schemas.microsoft.com/office/drawing/2014/main" id="{00000000-0008-0000-0300-00000B000000}"/>
            </a:ext>
          </a:extLst>
        </xdr:cNvPr>
        <xdr:cNvSpPr/>
      </xdr:nvSpPr>
      <xdr:spPr>
        <a:xfrm>
          <a:off x="1581149" y="6019800"/>
          <a:ext cx="324000" cy="25200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</xdr:col>
      <xdr:colOff>276224</xdr:colOff>
      <xdr:row>27</xdr:row>
      <xdr:rowOff>0</xdr:rowOff>
    </xdr:from>
    <xdr:to>
      <xdr:col>6</xdr:col>
      <xdr:colOff>314474</xdr:colOff>
      <xdr:row>28</xdr:row>
      <xdr:rowOff>13875</xdr:rowOff>
    </xdr:to>
    <xdr:sp macro="" textlink="">
      <xdr:nvSpPr>
        <xdr:cNvPr id="12" name="楕円 11">
          <a:extLst>
            <a:ext uri="{FF2B5EF4-FFF2-40B4-BE49-F238E27FC236}">
              <a16:creationId xmlns:a16="http://schemas.microsoft.com/office/drawing/2014/main" id="{00000000-0008-0000-0300-00000C000000}"/>
            </a:ext>
          </a:extLst>
        </xdr:cNvPr>
        <xdr:cNvSpPr/>
      </xdr:nvSpPr>
      <xdr:spPr>
        <a:xfrm>
          <a:off x="1914524" y="6505575"/>
          <a:ext cx="324000" cy="25200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0</xdr:col>
      <xdr:colOff>276224</xdr:colOff>
      <xdr:row>26</xdr:row>
      <xdr:rowOff>228600</xdr:rowOff>
    </xdr:from>
    <xdr:to>
      <xdr:col>11</xdr:col>
      <xdr:colOff>323999</xdr:colOff>
      <xdr:row>28</xdr:row>
      <xdr:rowOff>4350</xdr:rowOff>
    </xdr:to>
    <xdr:sp macro="" textlink="">
      <xdr:nvSpPr>
        <xdr:cNvPr id="13" name="楕円 12">
          <a:extLst>
            <a:ext uri="{FF2B5EF4-FFF2-40B4-BE49-F238E27FC236}">
              <a16:creationId xmlns:a16="http://schemas.microsoft.com/office/drawing/2014/main" id="{00000000-0008-0000-0300-00000D000000}"/>
            </a:ext>
          </a:extLst>
        </xdr:cNvPr>
        <xdr:cNvSpPr/>
      </xdr:nvSpPr>
      <xdr:spPr>
        <a:xfrm>
          <a:off x="3428999" y="6496050"/>
          <a:ext cx="324000" cy="25200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9524</xdr:colOff>
      <xdr:row>25</xdr:row>
      <xdr:rowOff>0</xdr:rowOff>
    </xdr:from>
    <xdr:to>
      <xdr:col>11</xdr:col>
      <xdr:colOff>333524</xdr:colOff>
      <xdr:row>26</xdr:row>
      <xdr:rowOff>13875</xdr:rowOff>
    </xdr:to>
    <xdr:sp macro="" textlink="">
      <xdr:nvSpPr>
        <xdr:cNvPr id="14" name="楕円 13">
          <a:extLst>
            <a:ext uri="{FF2B5EF4-FFF2-40B4-BE49-F238E27FC236}">
              <a16:creationId xmlns:a16="http://schemas.microsoft.com/office/drawing/2014/main" id="{00000000-0008-0000-0300-00000E000000}"/>
            </a:ext>
          </a:extLst>
        </xdr:cNvPr>
        <xdr:cNvSpPr/>
      </xdr:nvSpPr>
      <xdr:spPr>
        <a:xfrm>
          <a:off x="3438524" y="6029325"/>
          <a:ext cx="324000" cy="25200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323849</xdr:colOff>
      <xdr:row>23</xdr:row>
      <xdr:rowOff>0</xdr:rowOff>
    </xdr:from>
    <xdr:to>
      <xdr:col>10</xdr:col>
      <xdr:colOff>266849</xdr:colOff>
      <xdr:row>24</xdr:row>
      <xdr:rowOff>13875</xdr:rowOff>
    </xdr:to>
    <xdr:sp macro="" textlink="">
      <xdr:nvSpPr>
        <xdr:cNvPr id="15" name="楕円 14">
          <a:extLst>
            <a:ext uri="{FF2B5EF4-FFF2-40B4-BE49-F238E27FC236}">
              <a16:creationId xmlns:a16="http://schemas.microsoft.com/office/drawing/2014/main" id="{00000000-0008-0000-0300-00000F000000}"/>
            </a:ext>
          </a:extLst>
        </xdr:cNvPr>
        <xdr:cNvSpPr/>
      </xdr:nvSpPr>
      <xdr:spPr>
        <a:xfrm>
          <a:off x="3095624" y="5553075"/>
          <a:ext cx="324000" cy="25200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314324</xdr:colOff>
      <xdr:row>20</xdr:row>
      <xdr:rowOff>228600</xdr:rowOff>
    </xdr:from>
    <xdr:to>
      <xdr:col>10</xdr:col>
      <xdr:colOff>257324</xdr:colOff>
      <xdr:row>22</xdr:row>
      <xdr:rowOff>4350</xdr:rowOff>
    </xdr:to>
    <xdr:sp macro="" textlink="">
      <xdr:nvSpPr>
        <xdr:cNvPr id="16" name="楕円 15">
          <a:extLst>
            <a:ext uri="{FF2B5EF4-FFF2-40B4-BE49-F238E27FC236}">
              <a16:creationId xmlns:a16="http://schemas.microsoft.com/office/drawing/2014/main" id="{00000000-0008-0000-0300-000010000000}"/>
            </a:ext>
          </a:extLst>
        </xdr:cNvPr>
        <xdr:cNvSpPr/>
      </xdr:nvSpPr>
      <xdr:spPr>
        <a:xfrm>
          <a:off x="3086099" y="5067300"/>
          <a:ext cx="324000" cy="25200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228599</xdr:colOff>
      <xdr:row>33</xdr:row>
      <xdr:rowOff>0</xdr:rowOff>
    </xdr:from>
    <xdr:to>
      <xdr:col>3</xdr:col>
      <xdr:colOff>257324</xdr:colOff>
      <xdr:row>34</xdr:row>
      <xdr:rowOff>13875</xdr:rowOff>
    </xdr:to>
    <xdr:sp macro="" textlink="">
      <xdr:nvSpPr>
        <xdr:cNvPr id="17" name="楕円 16">
          <a:extLst>
            <a:ext uri="{FF2B5EF4-FFF2-40B4-BE49-F238E27FC236}">
              <a16:creationId xmlns:a16="http://schemas.microsoft.com/office/drawing/2014/main" id="{00000000-0008-0000-0300-000011000000}"/>
            </a:ext>
          </a:extLst>
        </xdr:cNvPr>
        <xdr:cNvSpPr/>
      </xdr:nvSpPr>
      <xdr:spPr>
        <a:xfrm>
          <a:off x="895349" y="7934325"/>
          <a:ext cx="324000" cy="25200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114299</xdr:colOff>
      <xdr:row>32</xdr:row>
      <xdr:rowOff>228600</xdr:rowOff>
    </xdr:from>
    <xdr:to>
      <xdr:col>7</xdr:col>
      <xdr:colOff>57299</xdr:colOff>
      <xdr:row>34</xdr:row>
      <xdr:rowOff>4350</xdr:rowOff>
    </xdr:to>
    <xdr:sp macro="" textlink="">
      <xdr:nvSpPr>
        <xdr:cNvPr id="18" name="楕円 17">
          <a:extLst>
            <a:ext uri="{FF2B5EF4-FFF2-40B4-BE49-F238E27FC236}">
              <a16:creationId xmlns:a16="http://schemas.microsoft.com/office/drawing/2014/main" id="{00000000-0008-0000-0300-000012000000}"/>
            </a:ext>
          </a:extLst>
        </xdr:cNvPr>
        <xdr:cNvSpPr/>
      </xdr:nvSpPr>
      <xdr:spPr>
        <a:xfrm>
          <a:off x="2038349" y="7924800"/>
          <a:ext cx="324000" cy="25200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276224</xdr:colOff>
      <xdr:row>34</xdr:row>
      <xdr:rowOff>228600</xdr:rowOff>
    </xdr:from>
    <xdr:to>
      <xdr:col>4</xdr:col>
      <xdr:colOff>304949</xdr:colOff>
      <xdr:row>36</xdr:row>
      <xdr:rowOff>4350</xdr:rowOff>
    </xdr:to>
    <xdr:sp macro="" textlink="">
      <xdr:nvSpPr>
        <xdr:cNvPr id="19" name="楕円 18">
          <a:extLst>
            <a:ext uri="{FF2B5EF4-FFF2-40B4-BE49-F238E27FC236}">
              <a16:creationId xmlns:a16="http://schemas.microsoft.com/office/drawing/2014/main" id="{00000000-0008-0000-0300-000013000000}"/>
            </a:ext>
          </a:extLst>
        </xdr:cNvPr>
        <xdr:cNvSpPr/>
      </xdr:nvSpPr>
      <xdr:spPr>
        <a:xfrm>
          <a:off x="1238249" y="8401050"/>
          <a:ext cx="324000" cy="25200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66675</xdr:colOff>
      <xdr:row>28</xdr:row>
      <xdr:rowOff>219074</xdr:rowOff>
    </xdr:from>
    <xdr:to>
      <xdr:col>24</xdr:col>
      <xdr:colOff>114300</xdr:colOff>
      <xdr:row>31</xdr:row>
      <xdr:rowOff>28574</xdr:rowOff>
    </xdr:to>
    <xdr:sp macro="" textlink="">
      <xdr:nvSpPr>
        <xdr:cNvPr id="21" name="正方形/長方形 20">
          <a:extLst>
            <a:ext uri="{FF2B5EF4-FFF2-40B4-BE49-F238E27FC236}">
              <a16:creationId xmlns:a16="http://schemas.microsoft.com/office/drawing/2014/main" id="{00000000-0008-0000-0300-000015000000}"/>
            </a:ext>
          </a:extLst>
        </xdr:cNvPr>
        <xdr:cNvSpPr/>
      </xdr:nvSpPr>
      <xdr:spPr>
        <a:xfrm>
          <a:off x="3495675" y="6962774"/>
          <a:ext cx="3952875" cy="523875"/>
        </a:xfrm>
        <a:prstGeom prst="rect">
          <a:avLst/>
        </a:prstGeom>
        <a:solidFill>
          <a:schemeClr val="accent5">
            <a:lumMod val="20000"/>
            <a:lumOff val="80000"/>
          </a:schemeClr>
        </a:solidFill>
        <a:ln>
          <a:solidFill>
            <a:schemeClr val="accent5">
              <a:lumMod val="75000"/>
            </a:schemeClr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000" b="1">
              <a:solidFill>
                <a:sysClr val="windowText" lastClr="00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採用前</a:t>
          </a:r>
          <a:r>
            <a:rPr kumimoji="1" lang="en-US" altLang="ja-JP" sz="1000" b="1">
              <a:solidFill>
                <a:sysClr val="windowText" lastClr="00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5</a:t>
          </a:r>
          <a:r>
            <a:rPr kumimoji="1" lang="ja-JP" altLang="en-US" sz="1000" b="1">
              <a:solidFill>
                <a:sysClr val="windowText" lastClr="00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年間について、本市職員として在籍期間がある場合、</a:t>
          </a:r>
          <a:endParaRPr kumimoji="1" lang="en-US" altLang="ja-JP" sz="1000" b="1">
            <a:solidFill>
              <a:sysClr val="windowText" lastClr="000000"/>
            </a:solidFill>
            <a:latin typeface="BIZ UDゴシック" panose="020B0400000000000000" pitchFamily="49" charset="-128"/>
            <a:ea typeface="BIZ UDゴシック" panose="020B0400000000000000" pitchFamily="49" charset="-128"/>
          </a:endParaRPr>
        </a:p>
        <a:p>
          <a:pPr algn="l"/>
          <a:r>
            <a:rPr kumimoji="1" lang="ja-JP" altLang="en-US" sz="1000" b="1">
              <a:solidFill>
                <a:sysClr val="windowText" lastClr="00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その職歴に応じて給料・報酬学を決定します。</a:t>
          </a:r>
          <a:endParaRPr kumimoji="1" lang="en-US" altLang="ja-JP" sz="1000" b="1">
            <a:solidFill>
              <a:sysClr val="windowText" lastClr="000000"/>
            </a:solidFill>
            <a:latin typeface="BIZ UDゴシック" panose="020B0400000000000000" pitchFamily="49" charset="-128"/>
            <a:ea typeface="BIZ UDゴシック" panose="020B0400000000000000" pitchFamily="49" charset="-128"/>
          </a:endParaRPr>
        </a:p>
      </xdr:txBody>
    </xdr:sp>
    <xdr:clientData/>
  </xdr:twoCellAnchor>
  <xdr:twoCellAnchor>
    <xdr:from>
      <xdr:col>18</xdr:col>
      <xdr:colOff>238124</xdr:colOff>
      <xdr:row>33</xdr:row>
      <xdr:rowOff>0</xdr:rowOff>
    </xdr:from>
    <xdr:to>
      <xdr:col>19</xdr:col>
      <xdr:colOff>295424</xdr:colOff>
      <xdr:row>34</xdr:row>
      <xdr:rowOff>13875</xdr:rowOff>
    </xdr:to>
    <xdr:sp macro="" textlink="">
      <xdr:nvSpPr>
        <xdr:cNvPr id="22" name="楕円 21">
          <a:extLst>
            <a:ext uri="{FF2B5EF4-FFF2-40B4-BE49-F238E27FC236}">
              <a16:creationId xmlns:a16="http://schemas.microsoft.com/office/drawing/2014/main" id="{00000000-0008-0000-0300-000016000000}"/>
            </a:ext>
          </a:extLst>
        </xdr:cNvPr>
        <xdr:cNvSpPr/>
      </xdr:nvSpPr>
      <xdr:spPr>
        <a:xfrm>
          <a:off x="5600699" y="7934325"/>
          <a:ext cx="324000" cy="25200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8</xdr:col>
      <xdr:colOff>238123</xdr:colOff>
      <xdr:row>35</xdr:row>
      <xdr:rowOff>228600</xdr:rowOff>
    </xdr:from>
    <xdr:to>
      <xdr:col>20</xdr:col>
      <xdr:colOff>19049</xdr:colOff>
      <xdr:row>37</xdr:row>
      <xdr:rowOff>19050</xdr:rowOff>
    </xdr:to>
    <xdr:sp macro="" textlink="">
      <xdr:nvSpPr>
        <xdr:cNvPr id="23" name="楕円 22">
          <a:extLst>
            <a:ext uri="{FF2B5EF4-FFF2-40B4-BE49-F238E27FC236}">
              <a16:creationId xmlns:a16="http://schemas.microsoft.com/office/drawing/2014/main" id="{00000000-0008-0000-0300-000017000000}"/>
            </a:ext>
          </a:extLst>
        </xdr:cNvPr>
        <xdr:cNvSpPr/>
      </xdr:nvSpPr>
      <xdr:spPr>
        <a:xfrm>
          <a:off x="5600698" y="8639175"/>
          <a:ext cx="438151" cy="26670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1</xdr:col>
      <xdr:colOff>247649</xdr:colOff>
      <xdr:row>33</xdr:row>
      <xdr:rowOff>0</xdr:rowOff>
    </xdr:from>
    <xdr:to>
      <xdr:col>23</xdr:col>
      <xdr:colOff>76349</xdr:colOff>
      <xdr:row>34</xdr:row>
      <xdr:rowOff>13875</xdr:rowOff>
    </xdr:to>
    <xdr:sp macro="" textlink="">
      <xdr:nvSpPr>
        <xdr:cNvPr id="24" name="楕円 23">
          <a:extLst>
            <a:ext uri="{FF2B5EF4-FFF2-40B4-BE49-F238E27FC236}">
              <a16:creationId xmlns:a16="http://schemas.microsoft.com/office/drawing/2014/main" id="{00000000-0008-0000-0300-000018000000}"/>
            </a:ext>
          </a:extLst>
        </xdr:cNvPr>
        <xdr:cNvSpPr/>
      </xdr:nvSpPr>
      <xdr:spPr>
        <a:xfrm>
          <a:off x="6429374" y="7934325"/>
          <a:ext cx="324000" cy="25200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95249</xdr:colOff>
      <xdr:row>35</xdr:row>
      <xdr:rowOff>0</xdr:rowOff>
    </xdr:from>
    <xdr:to>
      <xdr:col>23</xdr:col>
      <xdr:colOff>419249</xdr:colOff>
      <xdr:row>36</xdr:row>
      <xdr:rowOff>13875</xdr:rowOff>
    </xdr:to>
    <xdr:sp macro="" textlink="">
      <xdr:nvSpPr>
        <xdr:cNvPr id="25" name="楕円 24">
          <a:extLst>
            <a:ext uri="{FF2B5EF4-FFF2-40B4-BE49-F238E27FC236}">
              <a16:creationId xmlns:a16="http://schemas.microsoft.com/office/drawing/2014/main" id="{00000000-0008-0000-0300-000019000000}"/>
            </a:ext>
          </a:extLst>
        </xdr:cNvPr>
        <xdr:cNvSpPr/>
      </xdr:nvSpPr>
      <xdr:spPr>
        <a:xfrm>
          <a:off x="6772274" y="8410575"/>
          <a:ext cx="324000" cy="25200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85724</xdr:colOff>
      <xdr:row>1</xdr:row>
      <xdr:rowOff>219075</xdr:rowOff>
    </xdr:from>
    <xdr:to>
      <xdr:col>28</xdr:col>
      <xdr:colOff>143024</xdr:colOff>
      <xdr:row>3</xdr:row>
      <xdr:rowOff>13875</xdr:rowOff>
    </xdr:to>
    <xdr:sp macro="" textlink="">
      <xdr:nvSpPr>
        <xdr:cNvPr id="26" name="楕円 25">
          <a:extLst>
            <a:ext uri="{FF2B5EF4-FFF2-40B4-BE49-F238E27FC236}">
              <a16:creationId xmlns:a16="http://schemas.microsoft.com/office/drawing/2014/main" id="{00000000-0008-0000-0300-00001A000000}"/>
            </a:ext>
          </a:extLst>
        </xdr:cNvPr>
        <xdr:cNvSpPr/>
      </xdr:nvSpPr>
      <xdr:spPr>
        <a:xfrm>
          <a:off x="8058149" y="552450"/>
          <a:ext cx="324000" cy="25200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85724</xdr:colOff>
      <xdr:row>3</xdr:row>
      <xdr:rowOff>228600</xdr:rowOff>
    </xdr:from>
    <xdr:to>
      <xdr:col>28</xdr:col>
      <xdr:colOff>143024</xdr:colOff>
      <xdr:row>5</xdr:row>
      <xdr:rowOff>4350</xdr:rowOff>
    </xdr:to>
    <xdr:sp macro="" textlink="">
      <xdr:nvSpPr>
        <xdr:cNvPr id="27" name="楕円 26">
          <a:extLst>
            <a:ext uri="{FF2B5EF4-FFF2-40B4-BE49-F238E27FC236}">
              <a16:creationId xmlns:a16="http://schemas.microsoft.com/office/drawing/2014/main" id="{00000000-0008-0000-0300-00001B000000}"/>
            </a:ext>
          </a:extLst>
        </xdr:cNvPr>
        <xdr:cNvSpPr/>
      </xdr:nvSpPr>
      <xdr:spPr>
        <a:xfrm>
          <a:off x="8058149" y="1019175"/>
          <a:ext cx="324000" cy="25200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4</xdr:col>
      <xdr:colOff>200025</xdr:colOff>
      <xdr:row>16</xdr:row>
      <xdr:rowOff>219074</xdr:rowOff>
    </xdr:from>
    <xdr:to>
      <xdr:col>46</xdr:col>
      <xdr:colOff>228600</xdr:colOff>
      <xdr:row>17</xdr:row>
      <xdr:rowOff>238124</xdr:rowOff>
    </xdr:to>
    <xdr:sp macro="" textlink="">
      <xdr:nvSpPr>
        <xdr:cNvPr id="28" name="楕円 27">
          <a:extLst>
            <a:ext uri="{FF2B5EF4-FFF2-40B4-BE49-F238E27FC236}">
              <a16:creationId xmlns:a16="http://schemas.microsoft.com/office/drawing/2014/main" id="{00000000-0008-0000-0300-00001C000000}"/>
            </a:ext>
          </a:extLst>
        </xdr:cNvPr>
        <xdr:cNvSpPr/>
      </xdr:nvSpPr>
      <xdr:spPr>
        <a:xfrm>
          <a:off x="12715875" y="4105274"/>
          <a:ext cx="561975" cy="257175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57150</xdr:colOff>
      <xdr:row>24</xdr:row>
      <xdr:rowOff>171450</xdr:rowOff>
    </xdr:from>
    <xdr:to>
      <xdr:col>32</xdr:col>
      <xdr:colOff>19050</xdr:colOff>
      <xdr:row>26</xdr:row>
      <xdr:rowOff>47625</xdr:rowOff>
    </xdr:to>
    <xdr:sp macro="" textlink="">
      <xdr:nvSpPr>
        <xdr:cNvPr id="29" name="楕円 28">
          <a:extLst>
            <a:ext uri="{FF2B5EF4-FFF2-40B4-BE49-F238E27FC236}">
              <a16:creationId xmlns:a16="http://schemas.microsoft.com/office/drawing/2014/main" id="{00000000-0008-0000-0300-00001D000000}"/>
            </a:ext>
          </a:extLst>
        </xdr:cNvPr>
        <xdr:cNvSpPr/>
      </xdr:nvSpPr>
      <xdr:spPr>
        <a:xfrm>
          <a:off x="8029575" y="5962650"/>
          <a:ext cx="1266825" cy="352425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7</xdr:col>
      <xdr:colOff>123826</xdr:colOff>
      <xdr:row>28</xdr:row>
      <xdr:rowOff>161925</xdr:rowOff>
    </xdr:from>
    <xdr:to>
      <xdr:col>40</xdr:col>
      <xdr:colOff>200026</xdr:colOff>
      <xdr:row>30</xdr:row>
      <xdr:rowOff>38100</xdr:rowOff>
    </xdr:to>
    <xdr:sp macro="" textlink="">
      <xdr:nvSpPr>
        <xdr:cNvPr id="30" name="楕円 29">
          <a:extLst>
            <a:ext uri="{FF2B5EF4-FFF2-40B4-BE49-F238E27FC236}">
              <a16:creationId xmlns:a16="http://schemas.microsoft.com/office/drawing/2014/main" id="{00000000-0008-0000-0300-00001E000000}"/>
            </a:ext>
          </a:extLst>
        </xdr:cNvPr>
        <xdr:cNvSpPr/>
      </xdr:nvSpPr>
      <xdr:spPr>
        <a:xfrm>
          <a:off x="10772776" y="6905625"/>
          <a:ext cx="876300" cy="352425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5</xdr:col>
      <xdr:colOff>219076</xdr:colOff>
      <xdr:row>29</xdr:row>
      <xdr:rowOff>228600</xdr:rowOff>
    </xdr:from>
    <xdr:to>
      <xdr:col>38</xdr:col>
      <xdr:colOff>9525</xdr:colOff>
      <xdr:row>31</xdr:row>
      <xdr:rowOff>28575</xdr:rowOff>
    </xdr:to>
    <xdr:sp macro="" textlink="">
      <xdr:nvSpPr>
        <xdr:cNvPr id="31" name="楕円 30">
          <a:extLst>
            <a:ext uri="{FF2B5EF4-FFF2-40B4-BE49-F238E27FC236}">
              <a16:creationId xmlns:a16="http://schemas.microsoft.com/office/drawing/2014/main" id="{00000000-0008-0000-0300-00001F000000}"/>
            </a:ext>
          </a:extLst>
        </xdr:cNvPr>
        <xdr:cNvSpPr/>
      </xdr:nvSpPr>
      <xdr:spPr>
        <a:xfrm>
          <a:off x="10334626" y="7210425"/>
          <a:ext cx="590549" cy="276225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3:F5"/>
  <sheetViews>
    <sheetView workbookViewId="0">
      <selection activeCell="H4" sqref="H4"/>
    </sheetView>
  </sheetViews>
  <sheetFormatPr defaultRowHeight="13.2" x14ac:dyDescent="0.2"/>
  <cols>
    <col min="2" max="2" width="26.77734375" customWidth="1"/>
  </cols>
  <sheetData>
    <row r="3" spans="2:6" x14ac:dyDescent="0.2">
      <c r="B3" t="s">
        <v>10</v>
      </c>
      <c r="D3" t="s">
        <v>14</v>
      </c>
      <c r="F3" t="s">
        <v>21</v>
      </c>
    </row>
    <row r="4" spans="2:6" x14ac:dyDescent="0.2">
      <c r="B4" t="s">
        <v>11</v>
      </c>
      <c r="D4" t="s">
        <v>15</v>
      </c>
      <c r="F4" t="s">
        <v>22</v>
      </c>
    </row>
    <row r="5" spans="2:6" x14ac:dyDescent="0.2">
      <c r="B5" t="s">
        <v>12</v>
      </c>
      <c r="D5" t="s">
        <v>13</v>
      </c>
    </row>
  </sheetData>
  <phoneticPr fontId="2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00B050"/>
  </sheetPr>
  <dimension ref="A1:BB49"/>
  <sheetViews>
    <sheetView showGridLines="0" tabSelected="1" view="pageBreakPreview" zoomScale="85" zoomScaleNormal="85" zoomScaleSheetLayoutView="85" workbookViewId="0">
      <selection activeCell="E4" sqref="E4:T4"/>
    </sheetView>
  </sheetViews>
  <sheetFormatPr defaultRowHeight="18" customHeight="1" x14ac:dyDescent="0.2"/>
  <cols>
    <col min="1" max="1" width="4.88671875" style="1" customWidth="1"/>
    <col min="2" max="4" width="3.88671875" style="1" customWidth="1"/>
    <col min="5" max="5" width="5" style="1" customWidth="1"/>
    <col min="6" max="6" width="3.77734375" style="1" customWidth="1"/>
    <col min="7" max="7" width="5" style="1" customWidth="1"/>
    <col min="8" max="8" width="3.6640625" style="1" customWidth="1"/>
    <col min="9" max="9" width="2.44140625" style="1" customWidth="1"/>
    <col min="10" max="10" width="5" style="1" customWidth="1"/>
    <col min="11" max="11" width="3.6640625" style="1" customWidth="1"/>
    <col min="12" max="12" width="5" style="1" customWidth="1"/>
    <col min="13" max="13" width="2.44140625" style="1" customWidth="1"/>
    <col min="14" max="14" width="3.6640625" style="1" customWidth="1"/>
    <col min="15" max="15" width="3.44140625" style="1" bestFit="1" customWidth="1"/>
    <col min="16" max="16" width="3.6640625" style="1" customWidth="1"/>
    <col min="17" max="17" width="3.44140625" style="1" bestFit="1" customWidth="1"/>
    <col min="18" max="18" width="3.6640625" style="1" customWidth="1"/>
    <col min="19" max="19" width="3.44140625" style="1" bestFit="1" customWidth="1"/>
    <col min="20" max="20" width="5.109375" style="1" customWidth="1"/>
    <col min="21" max="21" width="2.109375" style="1" customWidth="1"/>
    <col min="22" max="22" width="3.6640625" style="1" customWidth="1"/>
    <col min="23" max="23" width="2.88671875" style="1" customWidth="1"/>
    <col min="24" max="24" width="8.6640625" style="1" customWidth="1"/>
    <col min="25" max="25" width="1.77734375" style="1" customWidth="1"/>
    <col min="26" max="26" width="1.6640625" style="1" customWidth="1"/>
    <col min="27" max="27" width="5" style="1" customWidth="1"/>
    <col min="28" max="31" width="3.44140625" style="1" customWidth="1"/>
    <col min="32" max="32" width="3.109375" style="1" customWidth="1"/>
    <col min="33" max="34" width="3.77734375" style="1" customWidth="1"/>
    <col min="35" max="53" width="3.44140625" style="1" customWidth="1"/>
    <col min="54" max="54" width="5" style="1" customWidth="1"/>
    <col min="55" max="263" width="9" style="1"/>
    <col min="264" max="264" width="11.6640625" style="1" bestFit="1" customWidth="1"/>
    <col min="265" max="265" width="6.44140625" style="1" bestFit="1" customWidth="1"/>
    <col min="266" max="266" width="2.109375" style="1" customWidth="1"/>
    <col min="267" max="267" width="4.6640625" style="1" customWidth="1"/>
    <col min="268" max="269" width="2.109375" style="1" customWidth="1"/>
    <col min="270" max="270" width="5.6640625" style="1" customWidth="1"/>
    <col min="271" max="271" width="3.6640625" style="1" customWidth="1"/>
    <col min="272" max="272" width="5.6640625" style="1" customWidth="1"/>
    <col min="273" max="273" width="3.6640625" style="1" customWidth="1"/>
    <col min="274" max="274" width="3.44140625" style="1" bestFit="1" customWidth="1"/>
    <col min="275" max="275" width="3.6640625" style="1" customWidth="1"/>
    <col min="276" max="276" width="3.44140625" style="1" bestFit="1" customWidth="1"/>
    <col min="277" max="277" width="3.6640625" style="1" customWidth="1"/>
    <col min="278" max="278" width="3.44140625" style="1" bestFit="1" customWidth="1"/>
    <col min="279" max="279" width="5.109375" style="1" customWidth="1"/>
    <col min="280" max="280" width="2.109375" style="1" customWidth="1"/>
    <col min="281" max="281" width="3.6640625" style="1" customWidth="1"/>
    <col min="282" max="282" width="2.88671875" style="1" customWidth="1"/>
    <col min="283" max="283" width="8.6640625" style="1" customWidth="1"/>
    <col min="284" max="284" width="2.88671875" style="1" customWidth="1"/>
    <col min="285" max="285" width="1.6640625" style="1" customWidth="1"/>
    <col min="286" max="286" width="10.33203125" style="1" customWidth="1"/>
    <col min="287" max="287" width="5.6640625" style="1" customWidth="1"/>
    <col min="288" max="288" width="2.109375" style="1" customWidth="1"/>
    <col min="289" max="289" width="1.88671875" style="1" customWidth="1"/>
    <col min="290" max="290" width="2.109375" style="1" customWidth="1"/>
    <col min="291" max="291" width="3.109375" style="1" customWidth="1"/>
    <col min="292" max="293" width="3.6640625" style="1" customWidth="1"/>
    <col min="294" max="294" width="5.109375" style="1" customWidth="1"/>
    <col min="295" max="295" width="8.88671875" style="1" customWidth="1"/>
    <col min="296" max="296" width="2.6640625" style="1" customWidth="1"/>
    <col min="297" max="299" width="2.109375" style="1" customWidth="1"/>
    <col min="300" max="300" width="5.6640625" style="1" customWidth="1"/>
    <col min="301" max="301" width="2.109375" style="1" customWidth="1"/>
    <col min="302" max="302" width="15.109375" style="1" customWidth="1"/>
    <col min="303" max="303" width="1.6640625" style="1" customWidth="1"/>
    <col min="304" max="304" width="3.109375" style="1" customWidth="1"/>
    <col min="305" max="305" width="3.6640625" style="1" customWidth="1"/>
    <col min="306" max="306" width="3.109375" style="1" customWidth="1"/>
    <col min="307" max="307" width="2.6640625" style="1" customWidth="1"/>
    <col min="308" max="308" width="6.6640625" style="1" customWidth="1"/>
    <col min="309" max="309" width="2.6640625" style="1" customWidth="1"/>
    <col min="310" max="519" width="9" style="1"/>
    <col min="520" max="520" width="11.6640625" style="1" bestFit="1" customWidth="1"/>
    <col min="521" max="521" width="6.44140625" style="1" bestFit="1" customWidth="1"/>
    <col min="522" max="522" width="2.109375" style="1" customWidth="1"/>
    <col min="523" max="523" width="4.6640625" style="1" customWidth="1"/>
    <col min="524" max="525" width="2.109375" style="1" customWidth="1"/>
    <col min="526" max="526" width="5.6640625" style="1" customWidth="1"/>
    <col min="527" max="527" width="3.6640625" style="1" customWidth="1"/>
    <col min="528" max="528" width="5.6640625" style="1" customWidth="1"/>
    <col min="529" max="529" width="3.6640625" style="1" customWidth="1"/>
    <col min="530" max="530" width="3.44140625" style="1" bestFit="1" customWidth="1"/>
    <col min="531" max="531" width="3.6640625" style="1" customWidth="1"/>
    <col min="532" max="532" width="3.44140625" style="1" bestFit="1" customWidth="1"/>
    <col min="533" max="533" width="3.6640625" style="1" customWidth="1"/>
    <col min="534" max="534" width="3.44140625" style="1" bestFit="1" customWidth="1"/>
    <col min="535" max="535" width="5.109375" style="1" customWidth="1"/>
    <col min="536" max="536" width="2.109375" style="1" customWidth="1"/>
    <col min="537" max="537" width="3.6640625" style="1" customWidth="1"/>
    <col min="538" max="538" width="2.88671875" style="1" customWidth="1"/>
    <col min="539" max="539" width="8.6640625" style="1" customWidth="1"/>
    <col min="540" max="540" width="2.88671875" style="1" customWidth="1"/>
    <col min="541" max="541" width="1.6640625" style="1" customWidth="1"/>
    <col min="542" max="542" width="10.33203125" style="1" customWidth="1"/>
    <col min="543" max="543" width="5.6640625" style="1" customWidth="1"/>
    <col min="544" max="544" width="2.109375" style="1" customWidth="1"/>
    <col min="545" max="545" width="1.88671875" style="1" customWidth="1"/>
    <col min="546" max="546" width="2.109375" style="1" customWidth="1"/>
    <col min="547" max="547" width="3.109375" style="1" customWidth="1"/>
    <col min="548" max="549" width="3.6640625" style="1" customWidth="1"/>
    <col min="550" max="550" width="5.109375" style="1" customWidth="1"/>
    <col min="551" max="551" width="8.88671875" style="1" customWidth="1"/>
    <col min="552" max="552" width="2.6640625" style="1" customWidth="1"/>
    <col min="553" max="555" width="2.109375" style="1" customWidth="1"/>
    <col min="556" max="556" width="5.6640625" style="1" customWidth="1"/>
    <col min="557" max="557" width="2.109375" style="1" customWidth="1"/>
    <col min="558" max="558" width="15.109375" style="1" customWidth="1"/>
    <col min="559" max="559" width="1.6640625" style="1" customWidth="1"/>
    <col min="560" max="560" width="3.109375" style="1" customWidth="1"/>
    <col min="561" max="561" width="3.6640625" style="1" customWidth="1"/>
    <col min="562" max="562" width="3.109375" style="1" customWidth="1"/>
    <col min="563" max="563" width="2.6640625" style="1" customWidth="1"/>
    <col min="564" max="564" width="6.6640625" style="1" customWidth="1"/>
    <col min="565" max="565" width="2.6640625" style="1" customWidth="1"/>
    <col min="566" max="775" width="9" style="1"/>
    <col min="776" max="776" width="11.6640625" style="1" bestFit="1" customWidth="1"/>
    <col min="777" max="777" width="6.44140625" style="1" bestFit="1" customWidth="1"/>
    <col min="778" max="778" width="2.109375" style="1" customWidth="1"/>
    <col min="779" max="779" width="4.6640625" style="1" customWidth="1"/>
    <col min="780" max="781" width="2.109375" style="1" customWidth="1"/>
    <col min="782" max="782" width="5.6640625" style="1" customWidth="1"/>
    <col min="783" max="783" width="3.6640625" style="1" customWidth="1"/>
    <col min="784" max="784" width="5.6640625" style="1" customWidth="1"/>
    <col min="785" max="785" width="3.6640625" style="1" customWidth="1"/>
    <col min="786" max="786" width="3.44140625" style="1" bestFit="1" customWidth="1"/>
    <col min="787" max="787" width="3.6640625" style="1" customWidth="1"/>
    <col min="788" max="788" width="3.44140625" style="1" bestFit="1" customWidth="1"/>
    <col min="789" max="789" width="3.6640625" style="1" customWidth="1"/>
    <col min="790" max="790" width="3.44140625" style="1" bestFit="1" customWidth="1"/>
    <col min="791" max="791" width="5.109375" style="1" customWidth="1"/>
    <col min="792" max="792" width="2.109375" style="1" customWidth="1"/>
    <col min="793" max="793" width="3.6640625" style="1" customWidth="1"/>
    <col min="794" max="794" width="2.88671875" style="1" customWidth="1"/>
    <col min="795" max="795" width="8.6640625" style="1" customWidth="1"/>
    <col min="796" max="796" width="2.88671875" style="1" customWidth="1"/>
    <col min="797" max="797" width="1.6640625" style="1" customWidth="1"/>
    <col min="798" max="798" width="10.33203125" style="1" customWidth="1"/>
    <col min="799" max="799" width="5.6640625" style="1" customWidth="1"/>
    <col min="800" max="800" width="2.109375" style="1" customWidth="1"/>
    <col min="801" max="801" width="1.88671875" style="1" customWidth="1"/>
    <col min="802" max="802" width="2.109375" style="1" customWidth="1"/>
    <col min="803" max="803" width="3.109375" style="1" customWidth="1"/>
    <col min="804" max="805" width="3.6640625" style="1" customWidth="1"/>
    <col min="806" max="806" width="5.109375" style="1" customWidth="1"/>
    <col min="807" max="807" width="8.88671875" style="1" customWidth="1"/>
    <col min="808" max="808" width="2.6640625" style="1" customWidth="1"/>
    <col min="809" max="811" width="2.109375" style="1" customWidth="1"/>
    <col min="812" max="812" width="5.6640625" style="1" customWidth="1"/>
    <col min="813" max="813" width="2.109375" style="1" customWidth="1"/>
    <col min="814" max="814" width="15.109375" style="1" customWidth="1"/>
    <col min="815" max="815" width="1.6640625" style="1" customWidth="1"/>
    <col min="816" max="816" width="3.109375" style="1" customWidth="1"/>
    <col min="817" max="817" width="3.6640625" style="1" customWidth="1"/>
    <col min="818" max="818" width="3.109375" style="1" customWidth="1"/>
    <col min="819" max="819" width="2.6640625" style="1" customWidth="1"/>
    <col min="820" max="820" width="6.6640625" style="1" customWidth="1"/>
    <col min="821" max="821" width="2.6640625" style="1" customWidth="1"/>
    <col min="822" max="1031" width="9" style="1"/>
    <col min="1032" max="1032" width="11.6640625" style="1" bestFit="1" customWidth="1"/>
    <col min="1033" max="1033" width="6.44140625" style="1" bestFit="1" customWidth="1"/>
    <col min="1034" max="1034" width="2.109375" style="1" customWidth="1"/>
    <col min="1035" max="1035" width="4.6640625" style="1" customWidth="1"/>
    <col min="1036" max="1037" width="2.109375" style="1" customWidth="1"/>
    <col min="1038" max="1038" width="5.6640625" style="1" customWidth="1"/>
    <col min="1039" max="1039" width="3.6640625" style="1" customWidth="1"/>
    <col min="1040" max="1040" width="5.6640625" style="1" customWidth="1"/>
    <col min="1041" max="1041" width="3.6640625" style="1" customWidth="1"/>
    <col min="1042" max="1042" width="3.44140625" style="1" bestFit="1" customWidth="1"/>
    <col min="1043" max="1043" width="3.6640625" style="1" customWidth="1"/>
    <col min="1044" max="1044" width="3.44140625" style="1" bestFit="1" customWidth="1"/>
    <col min="1045" max="1045" width="3.6640625" style="1" customWidth="1"/>
    <col min="1046" max="1046" width="3.44140625" style="1" bestFit="1" customWidth="1"/>
    <col min="1047" max="1047" width="5.109375" style="1" customWidth="1"/>
    <col min="1048" max="1048" width="2.109375" style="1" customWidth="1"/>
    <col min="1049" max="1049" width="3.6640625" style="1" customWidth="1"/>
    <col min="1050" max="1050" width="2.88671875" style="1" customWidth="1"/>
    <col min="1051" max="1051" width="8.6640625" style="1" customWidth="1"/>
    <col min="1052" max="1052" width="2.88671875" style="1" customWidth="1"/>
    <col min="1053" max="1053" width="1.6640625" style="1" customWidth="1"/>
    <col min="1054" max="1054" width="10.33203125" style="1" customWidth="1"/>
    <col min="1055" max="1055" width="5.6640625" style="1" customWidth="1"/>
    <col min="1056" max="1056" width="2.109375" style="1" customWidth="1"/>
    <col min="1057" max="1057" width="1.88671875" style="1" customWidth="1"/>
    <col min="1058" max="1058" width="2.109375" style="1" customWidth="1"/>
    <col min="1059" max="1059" width="3.109375" style="1" customWidth="1"/>
    <col min="1060" max="1061" width="3.6640625" style="1" customWidth="1"/>
    <col min="1062" max="1062" width="5.109375" style="1" customWidth="1"/>
    <col min="1063" max="1063" width="8.88671875" style="1" customWidth="1"/>
    <col min="1064" max="1064" width="2.6640625" style="1" customWidth="1"/>
    <col min="1065" max="1067" width="2.109375" style="1" customWidth="1"/>
    <col min="1068" max="1068" width="5.6640625" style="1" customWidth="1"/>
    <col min="1069" max="1069" width="2.109375" style="1" customWidth="1"/>
    <col min="1070" max="1070" width="15.109375" style="1" customWidth="1"/>
    <col min="1071" max="1071" width="1.6640625" style="1" customWidth="1"/>
    <col min="1072" max="1072" width="3.109375" style="1" customWidth="1"/>
    <col min="1073" max="1073" width="3.6640625" style="1" customWidth="1"/>
    <col min="1074" max="1074" width="3.109375" style="1" customWidth="1"/>
    <col min="1075" max="1075" width="2.6640625" style="1" customWidth="1"/>
    <col min="1076" max="1076" width="6.6640625" style="1" customWidth="1"/>
    <col min="1077" max="1077" width="2.6640625" style="1" customWidth="1"/>
    <col min="1078" max="1287" width="9" style="1"/>
    <col min="1288" max="1288" width="11.6640625" style="1" bestFit="1" customWidth="1"/>
    <col min="1289" max="1289" width="6.44140625" style="1" bestFit="1" customWidth="1"/>
    <col min="1290" max="1290" width="2.109375" style="1" customWidth="1"/>
    <col min="1291" max="1291" width="4.6640625" style="1" customWidth="1"/>
    <col min="1292" max="1293" width="2.109375" style="1" customWidth="1"/>
    <col min="1294" max="1294" width="5.6640625" style="1" customWidth="1"/>
    <col min="1295" max="1295" width="3.6640625" style="1" customWidth="1"/>
    <col min="1296" max="1296" width="5.6640625" style="1" customWidth="1"/>
    <col min="1297" max="1297" width="3.6640625" style="1" customWidth="1"/>
    <col min="1298" max="1298" width="3.44140625" style="1" bestFit="1" customWidth="1"/>
    <col min="1299" max="1299" width="3.6640625" style="1" customWidth="1"/>
    <col min="1300" max="1300" width="3.44140625" style="1" bestFit="1" customWidth="1"/>
    <col min="1301" max="1301" width="3.6640625" style="1" customWidth="1"/>
    <col min="1302" max="1302" width="3.44140625" style="1" bestFit="1" customWidth="1"/>
    <col min="1303" max="1303" width="5.109375" style="1" customWidth="1"/>
    <col min="1304" max="1304" width="2.109375" style="1" customWidth="1"/>
    <col min="1305" max="1305" width="3.6640625" style="1" customWidth="1"/>
    <col min="1306" max="1306" width="2.88671875" style="1" customWidth="1"/>
    <col min="1307" max="1307" width="8.6640625" style="1" customWidth="1"/>
    <col min="1308" max="1308" width="2.88671875" style="1" customWidth="1"/>
    <col min="1309" max="1309" width="1.6640625" style="1" customWidth="1"/>
    <col min="1310" max="1310" width="10.33203125" style="1" customWidth="1"/>
    <col min="1311" max="1311" width="5.6640625" style="1" customWidth="1"/>
    <col min="1312" max="1312" width="2.109375" style="1" customWidth="1"/>
    <col min="1313" max="1313" width="1.88671875" style="1" customWidth="1"/>
    <col min="1314" max="1314" width="2.109375" style="1" customWidth="1"/>
    <col min="1315" max="1315" width="3.109375" style="1" customWidth="1"/>
    <col min="1316" max="1317" width="3.6640625" style="1" customWidth="1"/>
    <col min="1318" max="1318" width="5.109375" style="1" customWidth="1"/>
    <col min="1319" max="1319" width="8.88671875" style="1" customWidth="1"/>
    <col min="1320" max="1320" width="2.6640625" style="1" customWidth="1"/>
    <col min="1321" max="1323" width="2.109375" style="1" customWidth="1"/>
    <col min="1324" max="1324" width="5.6640625" style="1" customWidth="1"/>
    <col min="1325" max="1325" width="2.109375" style="1" customWidth="1"/>
    <col min="1326" max="1326" width="15.109375" style="1" customWidth="1"/>
    <col min="1327" max="1327" width="1.6640625" style="1" customWidth="1"/>
    <col min="1328" max="1328" width="3.109375" style="1" customWidth="1"/>
    <col min="1329" max="1329" width="3.6640625" style="1" customWidth="1"/>
    <col min="1330" max="1330" width="3.109375" style="1" customWidth="1"/>
    <col min="1331" max="1331" width="2.6640625" style="1" customWidth="1"/>
    <col min="1332" max="1332" width="6.6640625" style="1" customWidth="1"/>
    <col min="1333" max="1333" width="2.6640625" style="1" customWidth="1"/>
    <col min="1334" max="1543" width="9" style="1"/>
    <col min="1544" max="1544" width="11.6640625" style="1" bestFit="1" customWidth="1"/>
    <col min="1545" max="1545" width="6.44140625" style="1" bestFit="1" customWidth="1"/>
    <col min="1546" max="1546" width="2.109375" style="1" customWidth="1"/>
    <col min="1547" max="1547" width="4.6640625" style="1" customWidth="1"/>
    <col min="1548" max="1549" width="2.109375" style="1" customWidth="1"/>
    <col min="1550" max="1550" width="5.6640625" style="1" customWidth="1"/>
    <col min="1551" max="1551" width="3.6640625" style="1" customWidth="1"/>
    <col min="1552" max="1552" width="5.6640625" style="1" customWidth="1"/>
    <col min="1553" max="1553" width="3.6640625" style="1" customWidth="1"/>
    <col min="1554" max="1554" width="3.44140625" style="1" bestFit="1" customWidth="1"/>
    <col min="1555" max="1555" width="3.6640625" style="1" customWidth="1"/>
    <col min="1556" max="1556" width="3.44140625" style="1" bestFit="1" customWidth="1"/>
    <col min="1557" max="1557" width="3.6640625" style="1" customWidth="1"/>
    <col min="1558" max="1558" width="3.44140625" style="1" bestFit="1" customWidth="1"/>
    <col min="1559" max="1559" width="5.109375" style="1" customWidth="1"/>
    <col min="1560" max="1560" width="2.109375" style="1" customWidth="1"/>
    <col min="1561" max="1561" width="3.6640625" style="1" customWidth="1"/>
    <col min="1562" max="1562" width="2.88671875" style="1" customWidth="1"/>
    <col min="1563" max="1563" width="8.6640625" style="1" customWidth="1"/>
    <col min="1564" max="1564" width="2.88671875" style="1" customWidth="1"/>
    <col min="1565" max="1565" width="1.6640625" style="1" customWidth="1"/>
    <col min="1566" max="1566" width="10.33203125" style="1" customWidth="1"/>
    <col min="1567" max="1567" width="5.6640625" style="1" customWidth="1"/>
    <col min="1568" max="1568" width="2.109375" style="1" customWidth="1"/>
    <col min="1569" max="1569" width="1.88671875" style="1" customWidth="1"/>
    <col min="1570" max="1570" width="2.109375" style="1" customWidth="1"/>
    <col min="1571" max="1571" width="3.109375" style="1" customWidth="1"/>
    <col min="1572" max="1573" width="3.6640625" style="1" customWidth="1"/>
    <col min="1574" max="1574" width="5.109375" style="1" customWidth="1"/>
    <col min="1575" max="1575" width="8.88671875" style="1" customWidth="1"/>
    <col min="1576" max="1576" width="2.6640625" style="1" customWidth="1"/>
    <col min="1577" max="1579" width="2.109375" style="1" customWidth="1"/>
    <col min="1580" max="1580" width="5.6640625" style="1" customWidth="1"/>
    <col min="1581" max="1581" width="2.109375" style="1" customWidth="1"/>
    <col min="1582" max="1582" width="15.109375" style="1" customWidth="1"/>
    <col min="1583" max="1583" width="1.6640625" style="1" customWidth="1"/>
    <col min="1584" max="1584" width="3.109375" style="1" customWidth="1"/>
    <col min="1585" max="1585" width="3.6640625" style="1" customWidth="1"/>
    <col min="1586" max="1586" width="3.109375" style="1" customWidth="1"/>
    <col min="1587" max="1587" width="2.6640625" style="1" customWidth="1"/>
    <col min="1588" max="1588" width="6.6640625" style="1" customWidth="1"/>
    <col min="1589" max="1589" width="2.6640625" style="1" customWidth="1"/>
    <col min="1590" max="1799" width="9" style="1"/>
    <col min="1800" max="1800" width="11.6640625" style="1" bestFit="1" customWidth="1"/>
    <col min="1801" max="1801" width="6.44140625" style="1" bestFit="1" customWidth="1"/>
    <col min="1802" max="1802" width="2.109375" style="1" customWidth="1"/>
    <col min="1803" max="1803" width="4.6640625" style="1" customWidth="1"/>
    <col min="1804" max="1805" width="2.109375" style="1" customWidth="1"/>
    <col min="1806" max="1806" width="5.6640625" style="1" customWidth="1"/>
    <col min="1807" max="1807" width="3.6640625" style="1" customWidth="1"/>
    <col min="1808" max="1808" width="5.6640625" style="1" customWidth="1"/>
    <col min="1809" max="1809" width="3.6640625" style="1" customWidth="1"/>
    <col min="1810" max="1810" width="3.44140625" style="1" bestFit="1" customWidth="1"/>
    <col min="1811" max="1811" width="3.6640625" style="1" customWidth="1"/>
    <col min="1812" max="1812" width="3.44140625" style="1" bestFit="1" customWidth="1"/>
    <col min="1813" max="1813" width="3.6640625" style="1" customWidth="1"/>
    <col min="1814" max="1814" width="3.44140625" style="1" bestFit="1" customWidth="1"/>
    <col min="1815" max="1815" width="5.109375" style="1" customWidth="1"/>
    <col min="1816" max="1816" width="2.109375" style="1" customWidth="1"/>
    <col min="1817" max="1817" width="3.6640625" style="1" customWidth="1"/>
    <col min="1818" max="1818" width="2.88671875" style="1" customWidth="1"/>
    <col min="1819" max="1819" width="8.6640625" style="1" customWidth="1"/>
    <col min="1820" max="1820" width="2.88671875" style="1" customWidth="1"/>
    <col min="1821" max="1821" width="1.6640625" style="1" customWidth="1"/>
    <col min="1822" max="1822" width="10.33203125" style="1" customWidth="1"/>
    <col min="1823" max="1823" width="5.6640625" style="1" customWidth="1"/>
    <col min="1824" max="1824" width="2.109375" style="1" customWidth="1"/>
    <col min="1825" max="1825" width="1.88671875" style="1" customWidth="1"/>
    <col min="1826" max="1826" width="2.109375" style="1" customWidth="1"/>
    <col min="1827" max="1827" width="3.109375" style="1" customWidth="1"/>
    <col min="1828" max="1829" width="3.6640625" style="1" customWidth="1"/>
    <col min="1830" max="1830" width="5.109375" style="1" customWidth="1"/>
    <col min="1831" max="1831" width="8.88671875" style="1" customWidth="1"/>
    <col min="1832" max="1832" width="2.6640625" style="1" customWidth="1"/>
    <col min="1833" max="1835" width="2.109375" style="1" customWidth="1"/>
    <col min="1836" max="1836" width="5.6640625" style="1" customWidth="1"/>
    <col min="1837" max="1837" width="2.109375" style="1" customWidth="1"/>
    <col min="1838" max="1838" width="15.109375" style="1" customWidth="1"/>
    <col min="1839" max="1839" width="1.6640625" style="1" customWidth="1"/>
    <col min="1840" max="1840" width="3.109375" style="1" customWidth="1"/>
    <col min="1841" max="1841" width="3.6640625" style="1" customWidth="1"/>
    <col min="1842" max="1842" width="3.109375" style="1" customWidth="1"/>
    <col min="1843" max="1843" width="2.6640625" style="1" customWidth="1"/>
    <col min="1844" max="1844" width="6.6640625" style="1" customWidth="1"/>
    <col min="1845" max="1845" width="2.6640625" style="1" customWidth="1"/>
    <col min="1846" max="2055" width="9" style="1"/>
    <col min="2056" max="2056" width="11.6640625" style="1" bestFit="1" customWidth="1"/>
    <col min="2057" max="2057" width="6.44140625" style="1" bestFit="1" customWidth="1"/>
    <col min="2058" max="2058" width="2.109375" style="1" customWidth="1"/>
    <col min="2059" max="2059" width="4.6640625" style="1" customWidth="1"/>
    <col min="2060" max="2061" width="2.109375" style="1" customWidth="1"/>
    <col min="2062" max="2062" width="5.6640625" style="1" customWidth="1"/>
    <col min="2063" max="2063" width="3.6640625" style="1" customWidth="1"/>
    <col min="2064" max="2064" width="5.6640625" style="1" customWidth="1"/>
    <col min="2065" max="2065" width="3.6640625" style="1" customWidth="1"/>
    <col min="2066" max="2066" width="3.44140625" style="1" bestFit="1" customWidth="1"/>
    <col min="2067" max="2067" width="3.6640625" style="1" customWidth="1"/>
    <col min="2068" max="2068" width="3.44140625" style="1" bestFit="1" customWidth="1"/>
    <col min="2069" max="2069" width="3.6640625" style="1" customWidth="1"/>
    <col min="2070" max="2070" width="3.44140625" style="1" bestFit="1" customWidth="1"/>
    <col min="2071" max="2071" width="5.109375" style="1" customWidth="1"/>
    <col min="2072" max="2072" width="2.109375" style="1" customWidth="1"/>
    <col min="2073" max="2073" width="3.6640625" style="1" customWidth="1"/>
    <col min="2074" max="2074" width="2.88671875" style="1" customWidth="1"/>
    <col min="2075" max="2075" width="8.6640625" style="1" customWidth="1"/>
    <col min="2076" max="2076" width="2.88671875" style="1" customWidth="1"/>
    <col min="2077" max="2077" width="1.6640625" style="1" customWidth="1"/>
    <col min="2078" max="2078" width="10.33203125" style="1" customWidth="1"/>
    <col min="2079" max="2079" width="5.6640625" style="1" customWidth="1"/>
    <col min="2080" max="2080" width="2.109375" style="1" customWidth="1"/>
    <col min="2081" max="2081" width="1.88671875" style="1" customWidth="1"/>
    <col min="2082" max="2082" width="2.109375" style="1" customWidth="1"/>
    <col min="2083" max="2083" width="3.109375" style="1" customWidth="1"/>
    <col min="2084" max="2085" width="3.6640625" style="1" customWidth="1"/>
    <col min="2086" max="2086" width="5.109375" style="1" customWidth="1"/>
    <col min="2087" max="2087" width="8.88671875" style="1" customWidth="1"/>
    <col min="2088" max="2088" width="2.6640625" style="1" customWidth="1"/>
    <col min="2089" max="2091" width="2.109375" style="1" customWidth="1"/>
    <col min="2092" max="2092" width="5.6640625" style="1" customWidth="1"/>
    <col min="2093" max="2093" width="2.109375" style="1" customWidth="1"/>
    <col min="2094" max="2094" width="15.109375" style="1" customWidth="1"/>
    <col min="2095" max="2095" width="1.6640625" style="1" customWidth="1"/>
    <col min="2096" max="2096" width="3.109375" style="1" customWidth="1"/>
    <col min="2097" max="2097" width="3.6640625" style="1" customWidth="1"/>
    <col min="2098" max="2098" width="3.109375" style="1" customWidth="1"/>
    <col min="2099" max="2099" width="2.6640625" style="1" customWidth="1"/>
    <col min="2100" max="2100" width="6.6640625" style="1" customWidth="1"/>
    <col min="2101" max="2101" width="2.6640625" style="1" customWidth="1"/>
    <col min="2102" max="2311" width="9" style="1"/>
    <col min="2312" max="2312" width="11.6640625" style="1" bestFit="1" customWidth="1"/>
    <col min="2313" max="2313" width="6.44140625" style="1" bestFit="1" customWidth="1"/>
    <col min="2314" max="2314" width="2.109375" style="1" customWidth="1"/>
    <col min="2315" max="2315" width="4.6640625" style="1" customWidth="1"/>
    <col min="2316" max="2317" width="2.109375" style="1" customWidth="1"/>
    <col min="2318" max="2318" width="5.6640625" style="1" customWidth="1"/>
    <col min="2319" max="2319" width="3.6640625" style="1" customWidth="1"/>
    <col min="2320" max="2320" width="5.6640625" style="1" customWidth="1"/>
    <col min="2321" max="2321" width="3.6640625" style="1" customWidth="1"/>
    <col min="2322" max="2322" width="3.44140625" style="1" bestFit="1" customWidth="1"/>
    <col min="2323" max="2323" width="3.6640625" style="1" customWidth="1"/>
    <col min="2324" max="2324" width="3.44140625" style="1" bestFit="1" customWidth="1"/>
    <col min="2325" max="2325" width="3.6640625" style="1" customWidth="1"/>
    <col min="2326" max="2326" width="3.44140625" style="1" bestFit="1" customWidth="1"/>
    <col min="2327" max="2327" width="5.109375" style="1" customWidth="1"/>
    <col min="2328" max="2328" width="2.109375" style="1" customWidth="1"/>
    <col min="2329" max="2329" width="3.6640625" style="1" customWidth="1"/>
    <col min="2330" max="2330" width="2.88671875" style="1" customWidth="1"/>
    <col min="2331" max="2331" width="8.6640625" style="1" customWidth="1"/>
    <col min="2332" max="2332" width="2.88671875" style="1" customWidth="1"/>
    <col min="2333" max="2333" width="1.6640625" style="1" customWidth="1"/>
    <col min="2334" max="2334" width="10.33203125" style="1" customWidth="1"/>
    <col min="2335" max="2335" width="5.6640625" style="1" customWidth="1"/>
    <col min="2336" max="2336" width="2.109375" style="1" customWidth="1"/>
    <col min="2337" max="2337" width="1.88671875" style="1" customWidth="1"/>
    <col min="2338" max="2338" width="2.109375" style="1" customWidth="1"/>
    <col min="2339" max="2339" width="3.109375" style="1" customWidth="1"/>
    <col min="2340" max="2341" width="3.6640625" style="1" customWidth="1"/>
    <col min="2342" max="2342" width="5.109375" style="1" customWidth="1"/>
    <col min="2343" max="2343" width="8.88671875" style="1" customWidth="1"/>
    <col min="2344" max="2344" width="2.6640625" style="1" customWidth="1"/>
    <col min="2345" max="2347" width="2.109375" style="1" customWidth="1"/>
    <col min="2348" max="2348" width="5.6640625" style="1" customWidth="1"/>
    <col min="2349" max="2349" width="2.109375" style="1" customWidth="1"/>
    <col min="2350" max="2350" width="15.109375" style="1" customWidth="1"/>
    <col min="2351" max="2351" width="1.6640625" style="1" customWidth="1"/>
    <col min="2352" max="2352" width="3.109375" style="1" customWidth="1"/>
    <col min="2353" max="2353" width="3.6640625" style="1" customWidth="1"/>
    <col min="2354" max="2354" width="3.109375" style="1" customWidth="1"/>
    <col min="2355" max="2355" width="2.6640625" style="1" customWidth="1"/>
    <col min="2356" max="2356" width="6.6640625" style="1" customWidth="1"/>
    <col min="2357" max="2357" width="2.6640625" style="1" customWidth="1"/>
    <col min="2358" max="2567" width="9" style="1"/>
    <col min="2568" max="2568" width="11.6640625" style="1" bestFit="1" customWidth="1"/>
    <col min="2569" max="2569" width="6.44140625" style="1" bestFit="1" customWidth="1"/>
    <col min="2570" max="2570" width="2.109375" style="1" customWidth="1"/>
    <col min="2571" max="2571" width="4.6640625" style="1" customWidth="1"/>
    <col min="2572" max="2573" width="2.109375" style="1" customWidth="1"/>
    <col min="2574" max="2574" width="5.6640625" style="1" customWidth="1"/>
    <col min="2575" max="2575" width="3.6640625" style="1" customWidth="1"/>
    <col min="2576" max="2576" width="5.6640625" style="1" customWidth="1"/>
    <col min="2577" max="2577" width="3.6640625" style="1" customWidth="1"/>
    <col min="2578" max="2578" width="3.44140625" style="1" bestFit="1" customWidth="1"/>
    <col min="2579" max="2579" width="3.6640625" style="1" customWidth="1"/>
    <col min="2580" max="2580" width="3.44140625" style="1" bestFit="1" customWidth="1"/>
    <col min="2581" max="2581" width="3.6640625" style="1" customWidth="1"/>
    <col min="2582" max="2582" width="3.44140625" style="1" bestFit="1" customWidth="1"/>
    <col min="2583" max="2583" width="5.109375" style="1" customWidth="1"/>
    <col min="2584" max="2584" width="2.109375" style="1" customWidth="1"/>
    <col min="2585" max="2585" width="3.6640625" style="1" customWidth="1"/>
    <col min="2586" max="2586" width="2.88671875" style="1" customWidth="1"/>
    <col min="2587" max="2587" width="8.6640625" style="1" customWidth="1"/>
    <col min="2588" max="2588" width="2.88671875" style="1" customWidth="1"/>
    <col min="2589" max="2589" width="1.6640625" style="1" customWidth="1"/>
    <col min="2590" max="2590" width="10.33203125" style="1" customWidth="1"/>
    <col min="2591" max="2591" width="5.6640625" style="1" customWidth="1"/>
    <col min="2592" max="2592" width="2.109375" style="1" customWidth="1"/>
    <col min="2593" max="2593" width="1.88671875" style="1" customWidth="1"/>
    <col min="2594" max="2594" width="2.109375" style="1" customWidth="1"/>
    <col min="2595" max="2595" width="3.109375" style="1" customWidth="1"/>
    <col min="2596" max="2597" width="3.6640625" style="1" customWidth="1"/>
    <col min="2598" max="2598" width="5.109375" style="1" customWidth="1"/>
    <col min="2599" max="2599" width="8.88671875" style="1" customWidth="1"/>
    <col min="2600" max="2600" width="2.6640625" style="1" customWidth="1"/>
    <col min="2601" max="2603" width="2.109375" style="1" customWidth="1"/>
    <col min="2604" max="2604" width="5.6640625" style="1" customWidth="1"/>
    <col min="2605" max="2605" width="2.109375" style="1" customWidth="1"/>
    <col min="2606" max="2606" width="15.109375" style="1" customWidth="1"/>
    <col min="2607" max="2607" width="1.6640625" style="1" customWidth="1"/>
    <col min="2608" max="2608" width="3.109375" style="1" customWidth="1"/>
    <col min="2609" max="2609" width="3.6640625" style="1" customWidth="1"/>
    <col min="2610" max="2610" width="3.109375" style="1" customWidth="1"/>
    <col min="2611" max="2611" width="2.6640625" style="1" customWidth="1"/>
    <col min="2612" max="2612" width="6.6640625" style="1" customWidth="1"/>
    <col min="2613" max="2613" width="2.6640625" style="1" customWidth="1"/>
    <col min="2614" max="2823" width="9" style="1"/>
    <col min="2824" max="2824" width="11.6640625" style="1" bestFit="1" customWidth="1"/>
    <col min="2825" max="2825" width="6.44140625" style="1" bestFit="1" customWidth="1"/>
    <col min="2826" max="2826" width="2.109375" style="1" customWidth="1"/>
    <col min="2827" max="2827" width="4.6640625" style="1" customWidth="1"/>
    <col min="2828" max="2829" width="2.109375" style="1" customWidth="1"/>
    <col min="2830" max="2830" width="5.6640625" style="1" customWidth="1"/>
    <col min="2831" max="2831" width="3.6640625" style="1" customWidth="1"/>
    <col min="2832" max="2832" width="5.6640625" style="1" customWidth="1"/>
    <col min="2833" max="2833" width="3.6640625" style="1" customWidth="1"/>
    <col min="2834" max="2834" width="3.44140625" style="1" bestFit="1" customWidth="1"/>
    <col min="2835" max="2835" width="3.6640625" style="1" customWidth="1"/>
    <col min="2836" max="2836" width="3.44140625" style="1" bestFit="1" customWidth="1"/>
    <col min="2837" max="2837" width="3.6640625" style="1" customWidth="1"/>
    <col min="2838" max="2838" width="3.44140625" style="1" bestFit="1" customWidth="1"/>
    <col min="2839" max="2839" width="5.109375" style="1" customWidth="1"/>
    <col min="2840" max="2840" width="2.109375" style="1" customWidth="1"/>
    <col min="2841" max="2841" width="3.6640625" style="1" customWidth="1"/>
    <col min="2842" max="2842" width="2.88671875" style="1" customWidth="1"/>
    <col min="2843" max="2843" width="8.6640625" style="1" customWidth="1"/>
    <col min="2844" max="2844" width="2.88671875" style="1" customWidth="1"/>
    <col min="2845" max="2845" width="1.6640625" style="1" customWidth="1"/>
    <col min="2846" max="2846" width="10.33203125" style="1" customWidth="1"/>
    <col min="2847" max="2847" width="5.6640625" style="1" customWidth="1"/>
    <col min="2848" max="2848" width="2.109375" style="1" customWidth="1"/>
    <col min="2849" max="2849" width="1.88671875" style="1" customWidth="1"/>
    <col min="2850" max="2850" width="2.109375" style="1" customWidth="1"/>
    <col min="2851" max="2851" width="3.109375" style="1" customWidth="1"/>
    <col min="2852" max="2853" width="3.6640625" style="1" customWidth="1"/>
    <col min="2854" max="2854" width="5.109375" style="1" customWidth="1"/>
    <col min="2855" max="2855" width="8.88671875" style="1" customWidth="1"/>
    <col min="2856" max="2856" width="2.6640625" style="1" customWidth="1"/>
    <col min="2857" max="2859" width="2.109375" style="1" customWidth="1"/>
    <col min="2860" max="2860" width="5.6640625" style="1" customWidth="1"/>
    <col min="2861" max="2861" width="2.109375" style="1" customWidth="1"/>
    <col min="2862" max="2862" width="15.109375" style="1" customWidth="1"/>
    <col min="2863" max="2863" width="1.6640625" style="1" customWidth="1"/>
    <col min="2864" max="2864" width="3.109375" style="1" customWidth="1"/>
    <col min="2865" max="2865" width="3.6640625" style="1" customWidth="1"/>
    <col min="2866" max="2866" width="3.109375" style="1" customWidth="1"/>
    <col min="2867" max="2867" width="2.6640625" style="1" customWidth="1"/>
    <col min="2868" max="2868" width="6.6640625" style="1" customWidth="1"/>
    <col min="2869" max="2869" width="2.6640625" style="1" customWidth="1"/>
    <col min="2870" max="3079" width="9" style="1"/>
    <col min="3080" max="3080" width="11.6640625" style="1" bestFit="1" customWidth="1"/>
    <col min="3081" max="3081" width="6.44140625" style="1" bestFit="1" customWidth="1"/>
    <col min="3082" max="3082" width="2.109375" style="1" customWidth="1"/>
    <col min="3083" max="3083" width="4.6640625" style="1" customWidth="1"/>
    <col min="3084" max="3085" width="2.109375" style="1" customWidth="1"/>
    <col min="3086" max="3086" width="5.6640625" style="1" customWidth="1"/>
    <col min="3087" max="3087" width="3.6640625" style="1" customWidth="1"/>
    <col min="3088" max="3088" width="5.6640625" style="1" customWidth="1"/>
    <col min="3089" max="3089" width="3.6640625" style="1" customWidth="1"/>
    <col min="3090" max="3090" width="3.44140625" style="1" bestFit="1" customWidth="1"/>
    <col min="3091" max="3091" width="3.6640625" style="1" customWidth="1"/>
    <col min="3092" max="3092" width="3.44140625" style="1" bestFit="1" customWidth="1"/>
    <col min="3093" max="3093" width="3.6640625" style="1" customWidth="1"/>
    <col min="3094" max="3094" width="3.44140625" style="1" bestFit="1" customWidth="1"/>
    <col min="3095" max="3095" width="5.109375" style="1" customWidth="1"/>
    <col min="3096" max="3096" width="2.109375" style="1" customWidth="1"/>
    <col min="3097" max="3097" width="3.6640625" style="1" customWidth="1"/>
    <col min="3098" max="3098" width="2.88671875" style="1" customWidth="1"/>
    <col min="3099" max="3099" width="8.6640625" style="1" customWidth="1"/>
    <col min="3100" max="3100" width="2.88671875" style="1" customWidth="1"/>
    <col min="3101" max="3101" width="1.6640625" style="1" customWidth="1"/>
    <col min="3102" max="3102" width="10.33203125" style="1" customWidth="1"/>
    <col min="3103" max="3103" width="5.6640625" style="1" customWidth="1"/>
    <col min="3104" max="3104" width="2.109375" style="1" customWidth="1"/>
    <col min="3105" max="3105" width="1.88671875" style="1" customWidth="1"/>
    <col min="3106" max="3106" width="2.109375" style="1" customWidth="1"/>
    <col min="3107" max="3107" width="3.109375" style="1" customWidth="1"/>
    <col min="3108" max="3109" width="3.6640625" style="1" customWidth="1"/>
    <col min="3110" max="3110" width="5.109375" style="1" customWidth="1"/>
    <col min="3111" max="3111" width="8.88671875" style="1" customWidth="1"/>
    <col min="3112" max="3112" width="2.6640625" style="1" customWidth="1"/>
    <col min="3113" max="3115" width="2.109375" style="1" customWidth="1"/>
    <col min="3116" max="3116" width="5.6640625" style="1" customWidth="1"/>
    <col min="3117" max="3117" width="2.109375" style="1" customWidth="1"/>
    <col min="3118" max="3118" width="15.109375" style="1" customWidth="1"/>
    <col min="3119" max="3119" width="1.6640625" style="1" customWidth="1"/>
    <col min="3120" max="3120" width="3.109375" style="1" customWidth="1"/>
    <col min="3121" max="3121" width="3.6640625" style="1" customWidth="1"/>
    <col min="3122" max="3122" width="3.109375" style="1" customWidth="1"/>
    <col min="3123" max="3123" width="2.6640625" style="1" customWidth="1"/>
    <col min="3124" max="3124" width="6.6640625" style="1" customWidth="1"/>
    <col min="3125" max="3125" width="2.6640625" style="1" customWidth="1"/>
    <col min="3126" max="3335" width="9" style="1"/>
    <col min="3336" max="3336" width="11.6640625" style="1" bestFit="1" customWidth="1"/>
    <col min="3337" max="3337" width="6.44140625" style="1" bestFit="1" customWidth="1"/>
    <col min="3338" max="3338" width="2.109375" style="1" customWidth="1"/>
    <col min="3339" max="3339" width="4.6640625" style="1" customWidth="1"/>
    <col min="3340" max="3341" width="2.109375" style="1" customWidth="1"/>
    <col min="3342" max="3342" width="5.6640625" style="1" customWidth="1"/>
    <col min="3343" max="3343" width="3.6640625" style="1" customWidth="1"/>
    <col min="3344" max="3344" width="5.6640625" style="1" customWidth="1"/>
    <col min="3345" max="3345" width="3.6640625" style="1" customWidth="1"/>
    <col min="3346" max="3346" width="3.44140625" style="1" bestFit="1" customWidth="1"/>
    <col min="3347" max="3347" width="3.6640625" style="1" customWidth="1"/>
    <col min="3348" max="3348" width="3.44140625" style="1" bestFit="1" customWidth="1"/>
    <col min="3349" max="3349" width="3.6640625" style="1" customWidth="1"/>
    <col min="3350" max="3350" width="3.44140625" style="1" bestFit="1" customWidth="1"/>
    <col min="3351" max="3351" width="5.109375" style="1" customWidth="1"/>
    <col min="3352" max="3352" width="2.109375" style="1" customWidth="1"/>
    <col min="3353" max="3353" width="3.6640625" style="1" customWidth="1"/>
    <col min="3354" max="3354" width="2.88671875" style="1" customWidth="1"/>
    <col min="3355" max="3355" width="8.6640625" style="1" customWidth="1"/>
    <col min="3356" max="3356" width="2.88671875" style="1" customWidth="1"/>
    <col min="3357" max="3357" width="1.6640625" style="1" customWidth="1"/>
    <col min="3358" max="3358" width="10.33203125" style="1" customWidth="1"/>
    <col min="3359" max="3359" width="5.6640625" style="1" customWidth="1"/>
    <col min="3360" max="3360" width="2.109375" style="1" customWidth="1"/>
    <col min="3361" max="3361" width="1.88671875" style="1" customWidth="1"/>
    <col min="3362" max="3362" width="2.109375" style="1" customWidth="1"/>
    <col min="3363" max="3363" width="3.109375" style="1" customWidth="1"/>
    <col min="3364" max="3365" width="3.6640625" style="1" customWidth="1"/>
    <col min="3366" max="3366" width="5.109375" style="1" customWidth="1"/>
    <col min="3367" max="3367" width="8.88671875" style="1" customWidth="1"/>
    <col min="3368" max="3368" width="2.6640625" style="1" customWidth="1"/>
    <col min="3369" max="3371" width="2.109375" style="1" customWidth="1"/>
    <col min="3372" max="3372" width="5.6640625" style="1" customWidth="1"/>
    <col min="3373" max="3373" width="2.109375" style="1" customWidth="1"/>
    <col min="3374" max="3374" width="15.109375" style="1" customWidth="1"/>
    <col min="3375" max="3375" width="1.6640625" style="1" customWidth="1"/>
    <col min="3376" max="3376" width="3.109375" style="1" customWidth="1"/>
    <col min="3377" max="3377" width="3.6640625" style="1" customWidth="1"/>
    <col min="3378" max="3378" width="3.109375" style="1" customWidth="1"/>
    <col min="3379" max="3379" width="2.6640625" style="1" customWidth="1"/>
    <col min="3380" max="3380" width="6.6640625" style="1" customWidth="1"/>
    <col min="3381" max="3381" width="2.6640625" style="1" customWidth="1"/>
    <col min="3382" max="3591" width="9" style="1"/>
    <col min="3592" max="3592" width="11.6640625" style="1" bestFit="1" customWidth="1"/>
    <col min="3593" max="3593" width="6.44140625" style="1" bestFit="1" customWidth="1"/>
    <col min="3594" max="3594" width="2.109375" style="1" customWidth="1"/>
    <col min="3595" max="3595" width="4.6640625" style="1" customWidth="1"/>
    <col min="3596" max="3597" width="2.109375" style="1" customWidth="1"/>
    <col min="3598" max="3598" width="5.6640625" style="1" customWidth="1"/>
    <col min="3599" max="3599" width="3.6640625" style="1" customWidth="1"/>
    <col min="3600" max="3600" width="5.6640625" style="1" customWidth="1"/>
    <col min="3601" max="3601" width="3.6640625" style="1" customWidth="1"/>
    <col min="3602" max="3602" width="3.44140625" style="1" bestFit="1" customWidth="1"/>
    <col min="3603" max="3603" width="3.6640625" style="1" customWidth="1"/>
    <col min="3604" max="3604" width="3.44140625" style="1" bestFit="1" customWidth="1"/>
    <col min="3605" max="3605" width="3.6640625" style="1" customWidth="1"/>
    <col min="3606" max="3606" width="3.44140625" style="1" bestFit="1" customWidth="1"/>
    <col min="3607" max="3607" width="5.109375" style="1" customWidth="1"/>
    <col min="3608" max="3608" width="2.109375" style="1" customWidth="1"/>
    <col min="3609" max="3609" width="3.6640625" style="1" customWidth="1"/>
    <col min="3610" max="3610" width="2.88671875" style="1" customWidth="1"/>
    <col min="3611" max="3611" width="8.6640625" style="1" customWidth="1"/>
    <col min="3612" max="3612" width="2.88671875" style="1" customWidth="1"/>
    <col min="3613" max="3613" width="1.6640625" style="1" customWidth="1"/>
    <col min="3614" max="3614" width="10.33203125" style="1" customWidth="1"/>
    <col min="3615" max="3615" width="5.6640625" style="1" customWidth="1"/>
    <col min="3616" max="3616" width="2.109375" style="1" customWidth="1"/>
    <col min="3617" max="3617" width="1.88671875" style="1" customWidth="1"/>
    <col min="3618" max="3618" width="2.109375" style="1" customWidth="1"/>
    <col min="3619" max="3619" width="3.109375" style="1" customWidth="1"/>
    <col min="3620" max="3621" width="3.6640625" style="1" customWidth="1"/>
    <col min="3622" max="3622" width="5.109375" style="1" customWidth="1"/>
    <col min="3623" max="3623" width="8.88671875" style="1" customWidth="1"/>
    <col min="3624" max="3624" width="2.6640625" style="1" customWidth="1"/>
    <col min="3625" max="3627" width="2.109375" style="1" customWidth="1"/>
    <col min="3628" max="3628" width="5.6640625" style="1" customWidth="1"/>
    <col min="3629" max="3629" width="2.109375" style="1" customWidth="1"/>
    <col min="3630" max="3630" width="15.109375" style="1" customWidth="1"/>
    <col min="3631" max="3631" width="1.6640625" style="1" customWidth="1"/>
    <col min="3632" max="3632" width="3.109375" style="1" customWidth="1"/>
    <col min="3633" max="3633" width="3.6640625" style="1" customWidth="1"/>
    <col min="3634" max="3634" width="3.109375" style="1" customWidth="1"/>
    <col min="3635" max="3635" width="2.6640625" style="1" customWidth="1"/>
    <col min="3636" max="3636" width="6.6640625" style="1" customWidth="1"/>
    <col min="3637" max="3637" width="2.6640625" style="1" customWidth="1"/>
    <col min="3638" max="3847" width="9" style="1"/>
    <col min="3848" max="3848" width="11.6640625" style="1" bestFit="1" customWidth="1"/>
    <col min="3849" max="3849" width="6.44140625" style="1" bestFit="1" customWidth="1"/>
    <col min="3850" max="3850" width="2.109375" style="1" customWidth="1"/>
    <col min="3851" max="3851" width="4.6640625" style="1" customWidth="1"/>
    <col min="3852" max="3853" width="2.109375" style="1" customWidth="1"/>
    <col min="3854" max="3854" width="5.6640625" style="1" customWidth="1"/>
    <col min="3855" max="3855" width="3.6640625" style="1" customWidth="1"/>
    <col min="3856" max="3856" width="5.6640625" style="1" customWidth="1"/>
    <col min="3857" max="3857" width="3.6640625" style="1" customWidth="1"/>
    <col min="3858" max="3858" width="3.44140625" style="1" bestFit="1" customWidth="1"/>
    <col min="3859" max="3859" width="3.6640625" style="1" customWidth="1"/>
    <col min="3860" max="3860" width="3.44140625" style="1" bestFit="1" customWidth="1"/>
    <col min="3861" max="3861" width="3.6640625" style="1" customWidth="1"/>
    <col min="3862" max="3862" width="3.44140625" style="1" bestFit="1" customWidth="1"/>
    <col min="3863" max="3863" width="5.109375" style="1" customWidth="1"/>
    <col min="3864" max="3864" width="2.109375" style="1" customWidth="1"/>
    <col min="3865" max="3865" width="3.6640625" style="1" customWidth="1"/>
    <col min="3866" max="3866" width="2.88671875" style="1" customWidth="1"/>
    <col min="3867" max="3867" width="8.6640625" style="1" customWidth="1"/>
    <col min="3868" max="3868" width="2.88671875" style="1" customWidth="1"/>
    <col min="3869" max="3869" width="1.6640625" style="1" customWidth="1"/>
    <col min="3870" max="3870" width="10.33203125" style="1" customWidth="1"/>
    <col min="3871" max="3871" width="5.6640625" style="1" customWidth="1"/>
    <col min="3872" max="3872" width="2.109375" style="1" customWidth="1"/>
    <col min="3873" max="3873" width="1.88671875" style="1" customWidth="1"/>
    <col min="3874" max="3874" width="2.109375" style="1" customWidth="1"/>
    <col min="3875" max="3875" width="3.109375" style="1" customWidth="1"/>
    <col min="3876" max="3877" width="3.6640625" style="1" customWidth="1"/>
    <col min="3878" max="3878" width="5.109375" style="1" customWidth="1"/>
    <col min="3879" max="3879" width="8.88671875" style="1" customWidth="1"/>
    <col min="3880" max="3880" width="2.6640625" style="1" customWidth="1"/>
    <col min="3881" max="3883" width="2.109375" style="1" customWidth="1"/>
    <col min="3884" max="3884" width="5.6640625" style="1" customWidth="1"/>
    <col min="3885" max="3885" width="2.109375" style="1" customWidth="1"/>
    <col min="3886" max="3886" width="15.109375" style="1" customWidth="1"/>
    <col min="3887" max="3887" width="1.6640625" style="1" customWidth="1"/>
    <col min="3888" max="3888" width="3.109375" style="1" customWidth="1"/>
    <col min="3889" max="3889" width="3.6640625" style="1" customWidth="1"/>
    <col min="3890" max="3890" width="3.109375" style="1" customWidth="1"/>
    <col min="3891" max="3891" width="2.6640625" style="1" customWidth="1"/>
    <col min="3892" max="3892" width="6.6640625" style="1" customWidth="1"/>
    <col min="3893" max="3893" width="2.6640625" style="1" customWidth="1"/>
    <col min="3894" max="4103" width="9" style="1"/>
    <col min="4104" max="4104" width="11.6640625" style="1" bestFit="1" customWidth="1"/>
    <col min="4105" max="4105" width="6.44140625" style="1" bestFit="1" customWidth="1"/>
    <col min="4106" max="4106" width="2.109375" style="1" customWidth="1"/>
    <col min="4107" max="4107" width="4.6640625" style="1" customWidth="1"/>
    <col min="4108" max="4109" width="2.109375" style="1" customWidth="1"/>
    <col min="4110" max="4110" width="5.6640625" style="1" customWidth="1"/>
    <col min="4111" max="4111" width="3.6640625" style="1" customWidth="1"/>
    <col min="4112" max="4112" width="5.6640625" style="1" customWidth="1"/>
    <col min="4113" max="4113" width="3.6640625" style="1" customWidth="1"/>
    <col min="4114" max="4114" width="3.44140625" style="1" bestFit="1" customWidth="1"/>
    <col min="4115" max="4115" width="3.6640625" style="1" customWidth="1"/>
    <col min="4116" max="4116" width="3.44140625" style="1" bestFit="1" customWidth="1"/>
    <col min="4117" max="4117" width="3.6640625" style="1" customWidth="1"/>
    <col min="4118" max="4118" width="3.44140625" style="1" bestFit="1" customWidth="1"/>
    <col min="4119" max="4119" width="5.109375" style="1" customWidth="1"/>
    <col min="4120" max="4120" width="2.109375" style="1" customWidth="1"/>
    <col min="4121" max="4121" width="3.6640625" style="1" customWidth="1"/>
    <col min="4122" max="4122" width="2.88671875" style="1" customWidth="1"/>
    <col min="4123" max="4123" width="8.6640625" style="1" customWidth="1"/>
    <col min="4124" max="4124" width="2.88671875" style="1" customWidth="1"/>
    <col min="4125" max="4125" width="1.6640625" style="1" customWidth="1"/>
    <col min="4126" max="4126" width="10.33203125" style="1" customWidth="1"/>
    <col min="4127" max="4127" width="5.6640625" style="1" customWidth="1"/>
    <col min="4128" max="4128" width="2.109375" style="1" customWidth="1"/>
    <col min="4129" max="4129" width="1.88671875" style="1" customWidth="1"/>
    <col min="4130" max="4130" width="2.109375" style="1" customWidth="1"/>
    <col min="4131" max="4131" width="3.109375" style="1" customWidth="1"/>
    <col min="4132" max="4133" width="3.6640625" style="1" customWidth="1"/>
    <col min="4134" max="4134" width="5.109375" style="1" customWidth="1"/>
    <col min="4135" max="4135" width="8.88671875" style="1" customWidth="1"/>
    <col min="4136" max="4136" width="2.6640625" style="1" customWidth="1"/>
    <col min="4137" max="4139" width="2.109375" style="1" customWidth="1"/>
    <col min="4140" max="4140" width="5.6640625" style="1" customWidth="1"/>
    <col min="4141" max="4141" width="2.109375" style="1" customWidth="1"/>
    <col min="4142" max="4142" width="15.109375" style="1" customWidth="1"/>
    <col min="4143" max="4143" width="1.6640625" style="1" customWidth="1"/>
    <col min="4144" max="4144" width="3.109375" style="1" customWidth="1"/>
    <col min="4145" max="4145" width="3.6640625" style="1" customWidth="1"/>
    <col min="4146" max="4146" width="3.109375" style="1" customWidth="1"/>
    <col min="4147" max="4147" width="2.6640625" style="1" customWidth="1"/>
    <col min="4148" max="4148" width="6.6640625" style="1" customWidth="1"/>
    <col min="4149" max="4149" width="2.6640625" style="1" customWidth="1"/>
    <col min="4150" max="4359" width="9" style="1"/>
    <col min="4360" max="4360" width="11.6640625" style="1" bestFit="1" customWidth="1"/>
    <col min="4361" max="4361" width="6.44140625" style="1" bestFit="1" customWidth="1"/>
    <col min="4362" max="4362" width="2.109375" style="1" customWidth="1"/>
    <col min="4363" max="4363" width="4.6640625" style="1" customWidth="1"/>
    <col min="4364" max="4365" width="2.109375" style="1" customWidth="1"/>
    <col min="4366" max="4366" width="5.6640625" style="1" customWidth="1"/>
    <col min="4367" max="4367" width="3.6640625" style="1" customWidth="1"/>
    <col min="4368" max="4368" width="5.6640625" style="1" customWidth="1"/>
    <col min="4369" max="4369" width="3.6640625" style="1" customWidth="1"/>
    <col min="4370" max="4370" width="3.44140625" style="1" bestFit="1" customWidth="1"/>
    <col min="4371" max="4371" width="3.6640625" style="1" customWidth="1"/>
    <col min="4372" max="4372" width="3.44140625" style="1" bestFit="1" customWidth="1"/>
    <col min="4373" max="4373" width="3.6640625" style="1" customWidth="1"/>
    <col min="4374" max="4374" width="3.44140625" style="1" bestFit="1" customWidth="1"/>
    <col min="4375" max="4375" width="5.109375" style="1" customWidth="1"/>
    <col min="4376" max="4376" width="2.109375" style="1" customWidth="1"/>
    <col min="4377" max="4377" width="3.6640625" style="1" customWidth="1"/>
    <col min="4378" max="4378" width="2.88671875" style="1" customWidth="1"/>
    <col min="4379" max="4379" width="8.6640625" style="1" customWidth="1"/>
    <col min="4380" max="4380" width="2.88671875" style="1" customWidth="1"/>
    <col min="4381" max="4381" width="1.6640625" style="1" customWidth="1"/>
    <col min="4382" max="4382" width="10.33203125" style="1" customWidth="1"/>
    <col min="4383" max="4383" width="5.6640625" style="1" customWidth="1"/>
    <col min="4384" max="4384" width="2.109375" style="1" customWidth="1"/>
    <col min="4385" max="4385" width="1.88671875" style="1" customWidth="1"/>
    <col min="4386" max="4386" width="2.109375" style="1" customWidth="1"/>
    <col min="4387" max="4387" width="3.109375" style="1" customWidth="1"/>
    <col min="4388" max="4389" width="3.6640625" style="1" customWidth="1"/>
    <col min="4390" max="4390" width="5.109375" style="1" customWidth="1"/>
    <col min="4391" max="4391" width="8.88671875" style="1" customWidth="1"/>
    <col min="4392" max="4392" width="2.6640625" style="1" customWidth="1"/>
    <col min="4393" max="4395" width="2.109375" style="1" customWidth="1"/>
    <col min="4396" max="4396" width="5.6640625" style="1" customWidth="1"/>
    <col min="4397" max="4397" width="2.109375" style="1" customWidth="1"/>
    <col min="4398" max="4398" width="15.109375" style="1" customWidth="1"/>
    <col min="4399" max="4399" width="1.6640625" style="1" customWidth="1"/>
    <col min="4400" max="4400" width="3.109375" style="1" customWidth="1"/>
    <col min="4401" max="4401" width="3.6640625" style="1" customWidth="1"/>
    <col min="4402" max="4402" width="3.109375" style="1" customWidth="1"/>
    <col min="4403" max="4403" width="2.6640625" style="1" customWidth="1"/>
    <col min="4404" max="4404" width="6.6640625" style="1" customWidth="1"/>
    <col min="4405" max="4405" width="2.6640625" style="1" customWidth="1"/>
    <col min="4406" max="4615" width="9" style="1"/>
    <col min="4616" max="4616" width="11.6640625" style="1" bestFit="1" customWidth="1"/>
    <col min="4617" max="4617" width="6.44140625" style="1" bestFit="1" customWidth="1"/>
    <col min="4618" max="4618" width="2.109375" style="1" customWidth="1"/>
    <col min="4619" max="4619" width="4.6640625" style="1" customWidth="1"/>
    <col min="4620" max="4621" width="2.109375" style="1" customWidth="1"/>
    <col min="4622" max="4622" width="5.6640625" style="1" customWidth="1"/>
    <col min="4623" max="4623" width="3.6640625" style="1" customWidth="1"/>
    <col min="4624" max="4624" width="5.6640625" style="1" customWidth="1"/>
    <col min="4625" max="4625" width="3.6640625" style="1" customWidth="1"/>
    <col min="4626" max="4626" width="3.44140625" style="1" bestFit="1" customWidth="1"/>
    <col min="4627" max="4627" width="3.6640625" style="1" customWidth="1"/>
    <col min="4628" max="4628" width="3.44140625" style="1" bestFit="1" customWidth="1"/>
    <col min="4629" max="4629" width="3.6640625" style="1" customWidth="1"/>
    <col min="4630" max="4630" width="3.44140625" style="1" bestFit="1" customWidth="1"/>
    <col min="4631" max="4631" width="5.109375" style="1" customWidth="1"/>
    <col min="4632" max="4632" width="2.109375" style="1" customWidth="1"/>
    <col min="4633" max="4633" width="3.6640625" style="1" customWidth="1"/>
    <col min="4634" max="4634" width="2.88671875" style="1" customWidth="1"/>
    <col min="4635" max="4635" width="8.6640625" style="1" customWidth="1"/>
    <col min="4636" max="4636" width="2.88671875" style="1" customWidth="1"/>
    <col min="4637" max="4637" width="1.6640625" style="1" customWidth="1"/>
    <col min="4638" max="4638" width="10.33203125" style="1" customWidth="1"/>
    <col min="4639" max="4639" width="5.6640625" style="1" customWidth="1"/>
    <col min="4640" max="4640" width="2.109375" style="1" customWidth="1"/>
    <col min="4641" max="4641" width="1.88671875" style="1" customWidth="1"/>
    <col min="4642" max="4642" width="2.109375" style="1" customWidth="1"/>
    <col min="4643" max="4643" width="3.109375" style="1" customWidth="1"/>
    <col min="4644" max="4645" width="3.6640625" style="1" customWidth="1"/>
    <col min="4646" max="4646" width="5.109375" style="1" customWidth="1"/>
    <col min="4647" max="4647" width="8.88671875" style="1" customWidth="1"/>
    <col min="4648" max="4648" width="2.6640625" style="1" customWidth="1"/>
    <col min="4649" max="4651" width="2.109375" style="1" customWidth="1"/>
    <col min="4652" max="4652" width="5.6640625" style="1" customWidth="1"/>
    <col min="4653" max="4653" width="2.109375" style="1" customWidth="1"/>
    <col min="4654" max="4654" width="15.109375" style="1" customWidth="1"/>
    <col min="4655" max="4655" width="1.6640625" style="1" customWidth="1"/>
    <col min="4656" max="4656" width="3.109375" style="1" customWidth="1"/>
    <col min="4657" max="4657" width="3.6640625" style="1" customWidth="1"/>
    <col min="4658" max="4658" width="3.109375" style="1" customWidth="1"/>
    <col min="4659" max="4659" width="2.6640625" style="1" customWidth="1"/>
    <col min="4660" max="4660" width="6.6640625" style="1" customWidth="1"/>
    <col min="4661" max="4661" width="2.6640625" style="1" customWidth="1"/>
    <col min="4662" max="4871" width="9" style="1"/>
    <col min="4872" max="4872" width="11.6640625" style="1" bestFit="1" customWidth="1"/>
    <col min="4873" max="4873" width="6.44140625" style="1" bestFit="1" customWidth="1"/>
    <col min="4874" max="4874" width="2.109375" style="1" customWidth="1"/>
    <col min="4875" max="4875" width="4.6640625" style="1" customWidth="1"/>
    <col min="4876" max="4877" width="2.109375" style="1" customWidth="1"/>
    <col min="4878" max="4878" width="5.6640625" style="1" customWidth="1"/>
    <col min="4879" max="4879" width="3.6640625" style="1" customWidth="1"/>
    <col min="4880" max="4880" width="5.6640625" style="1" customWidth="1"/>
    <col min="4881" max="4881" width="3.6640625" style="1" customWidth="1"/>
    <col min="4882" max="4882" width="3.44140625" style="1" bestFit="1" customWidth="1"/>
    <col min="4883" max="4883" width="3.6640625" style="1" customWidth="1"/>
    <col min="4884" max="4884" width="3.44140625" style="1" bestFit="1" customWidth="1"/>
    <col min="4885" max="4885" width="3.6640625" style="1" customWidth="1"/>
    <col min="4886" max="4886" width="3.44140625" style="1" bestFit="1" customWidth="1"/>
    <col min="4887" max="4887" width="5.109375" style="1" customWidth="1"/>
    <col min="4888" max="4888" width="2.109375" style="1" customWidth="1"/>
    <col min="4889" max="4889" width="3.6640625" style="1" customWidth="1"/>
    <col min="4890" max="4890" width="2.88671875" style="1" customWidth="1"/>
    <col min="4891" max="4891" width="8.6640625" style="1" customWidth="1"/>
    <col min="4892" max="4892" width="2.88671875" style="1" customWidth="1"/>
    <col min="4893" max="4893" width="1.6640625" style="1" customWidth="1"/>
    <col min="4894" max="4894" width="10.33203125" style="1" customWidth="1"/>
    <col min="4895" max="4895" width="5.6640625" style="1" customWidth="1"/>
    <col min="4896" max="4896" width="2.109375" style="1" customWidth="1"/>
    <col min="4897" max="4897" width="1.88671875" style="1" customWidth="1"/>
    <col min="4898" max="4898" width="2.109375" style="1" customWidth="1"/>
    <col min="4899" max="4899" width="3.109375" style="1" customWidth="1"/>
    <col min="4900" max="4901" width="3.6640625" style="1" customWidth="1"/>
    <col min="4902" max="4902" width="5.109375" style="1" customWidth="1"/>
    <col min="4903" max="4903" width="8.88671875" style="1" customWidth="1"/>
    <col min="4904" max="4904" width="2.6640625" style="1" customWidth="1"/>
    <col min="4905" max="4907" width="2.109375" style="1" customWidth="1"/>
    <col min="4908" max="4908" width="5.6640625" style="1" customWidth="1"/>
    <col min="4909" max="4909" width="2.109375" style="1" customWidth="1"/>
    <col min="4910" max="4910" width="15.109375" style="1" customWidth="1"/>
    <col min="4911" max="4911" width="1.6640625" style="1" customWidth="1"/>
    <col min="4912" max="4912" width="3.109375" style="1" customWidth="1"/>
    <col min="4913" max="4913" width="3.6640625" style="1" customWidth="1"/>
    <col min="4914" max="4914" width="3.109375" style="1" customWidth="1"/>
    <col min="4915" max="4915" width="2.6640625" style="1" customWidth="1"/>
    <col min="4916" max="4916" width="6.6640625" style="1" customWidth="1"/>
    <col min="4917" max="4917" width="2.6640625" style="1" customWidth="1"/>
    <col min="4918" max="5127" width="9" style="1"/>
    <col min="5128" max="5128" width="11.6640625" style="1" bestFit="1" customWidth="1"/>
    <col min="5129" max="5129" width="6.44140625" style="1" bestFit="1" customWidth="1"/>
    <col min="5130" max="5130" width="2.109375" style="1" customWidth="1"/>
    <col min="5131" max="5131" width="4.6640625" style="1" customWidth="1"/>
    <col min="5132" max="5133" width="2.109375" style="1" customWidth="1"/>
    <col min="5134" max="5134" width="5.6640625" style="1" customWidth="1"/>
    <col min="5135" max="5135" width="3.6640625" style="1" customWidth="1"/>
    <col min="5136" max="5136" width="5.6640625" style="1" customWidth="1"/>
    <col min="5137" max="5137" width="3.6640625" style="1" customWidth="1"/>
    <col min="5138" max="5138" width="3.44140625" style="1" bestFit="1" customWidth="1"/>
    <col min="5139" max="5139" width="3.6640625" style="1" customWidth="1"/>
    <col min="5140" max="5140" width="3.44140625" style="1" bestFit="1" customWidth="1"/>
    <col min="5141" max="5141" width="3.6640625" style="1" customWidth="1"/>
    <col min="5142" max="5142" width="3.44140625" style="1" bestFit="1" customWidth="1"/>
    <col min="5143" max="5143" width="5.109375" style="1" customWidth="1"/>
    <col min="5144" max="5144" width="2.109375" style="1" customWidth="1"/>
    <col min="5145" max="5145" width="3.6640625" style="1" customWidth="1"/>
    <col min="5146" max="5146" width="2.88671875" style="1" customWidth="1"/>
    <col min="5147" max="5147" width="8.6640625" style="1" customWidth="1"/>
    <col min="5148" max="5148" width="2.88671875" style="1" customWidth="1"/>
    <col min="5149" max="5149" width="1.6640625" style="1" customWidth="1"/>
    <col min="5150" max="5150" width="10.33203125" style="1" customWidth="1"/>
    <col min="5151" max="5151" width="5.6640625" style="1" customWidth="1"/>
    <col min="5152" max="5152" width="2.109375" style="1" customWidth="1"/>
    <col min="5153" max="5153" width="1.88671875" style="1" customWidth="1"/>
    <col min="5154" max="5154" width="2.109375" style="1" customWidth="1"/>
    <col min="5155" max="5155" width="3.109375" style="1" customWidth="1"/>
    <col min="5156" max="5157" width="3.6640625" style="1" customWidth="1"/>
    <col min="5158" max="5158" width="5.109375" style="1" customWidth="1"/>
    <col min="5159" max="5159" width="8.88671875" style="1" customWidth="1"/>
    <col min="5160" max="5160" width="2.6640625" style="1" customWidth="1"/>
    <col min="5161" max="5163" width="2.109375" style="1" customWidth="1"/>
    <col min="5164" max="5164" width="5.6640625" style="1" customWidth="1"/>
    <col min="5165" max="5165" width="2.109375" style="1" customWidth="1"/>
    <col min="5166" max="5166" width="15.109375" style="1" customWidth="1"/>
    <col min="5167" max="5167" width="1.6640625" style="1" customWidth="1"/>
    <col min="5168" max="5168" width="3.109375" style="1" customWidth="1"/>
    <col min="5169" max="5169" width="3.6640625" style="1" customWidth="1"/>
    <col min="5170" max="5170" width="3.109375" style="1" customWidth="1"/>
    <col min="5171" max="5171" width="2.6640625" style="1" customWidth="1"/>
    <col min="5172" max="5172" width="6.6640625" style="1" customWidth="1"/>
    <col min="5173" max="5173" width="2.6640625" style="1" customWidth="1"/>
    <col min="5174" max="5383" width="9" style="1"/>
    <col min="5384" max="5384" width="11.6640625" style="1" bestFit="1" customWidth="1"/>
    <col min="5385" max="5385" width="6.44140625" style="1" bestFit="1" customWidth="1"/>
    <col min="5386" max="5386" width="2.109375" style="1" customWidth="1"/>
    <col min="5387" max="5387" width="4.6640625" style="1" customWidth="1"/>
    <col min="5388" max="5389" width="2.109375" style="1" customWidth="1"/>
    <col min="5390" max="5390" width="5.6640625" style="1" customWidth="1"/>
    <col min="5391" max="5391" width="3.6640625" style="1" customWidth="1"/>
    <col min="5392" max="5392" width="5.6640625" style="1" customWidth="1"/>
    <col min="5393" max="5393" width="3.6640625" style="1" customWidth="1"/>
    <col min="5394" max="5394" width="3.44140625" style="1" bestFit="1" customWidth="1"/>
    <col min="5395" max="5395" width="3.6640625" style="1" customWidth="1"/>
    <col min="5396" max="5396" width="3.44140625" style="1" bestFit="1" customWidth="1"/>
    <col min="5397" max="5397" width="3.6640625" style="1" customWidth="1"/>
    <col min="5398" max="5398" width="3.44140625" style="1" bestFit="1" customWidth="1"/>
    <col min="5399" max="5399" width="5.109375" style="1" customWidth="1"/>
    <col min="5400" max="5400" width="2.109375" style="1" customWidth="1"/>
    <col min="5401" max="5401" width="3.6640625" style="1" customWidth="1"/>
    <col min="5402" max="5402" width="2.88671875" style="1" customWidth="1"/>
    <col min="5403" max="5403" width="8.6640625" style="1" customWidth="1"/>
    <col min="5404" max="5404" width="2.88671875" style="1" customWidth="1"/>
    <col min="5405" max="5405" width="1.6640625" style="1" customWidth="1"/>
    <col min="5406" max="5406" width="10.33203125" style="1" customWidth="1"/>
    <col min="5407" max="5407" width="5.6640625" style="1" customWidth="1"/>
    <col min="5408" max="5408" width="2.109375" style="1" customWidth="1"/>
    <col min="5409" max="5409" width="1.88671875" style="1" customWidth="1"/>
    <col min="5410" max="5410" width="2.109375" style="1" customWidth="1"/>
    <col min="5411" max="5411" width="3.109375" style="1" customWidth="1"/>
    <col min="5412" max="5413" width="3.6640625" style="1" customWidth="1"/>
    <col min="5414" max="5414" width="5.109375" style="1" customWidth="1"/>
    <col min="5415" max="5415" width="8.88671875" style="1" customWidth="1"/>
    <col min="5416" max="5416" width="2.6640625" style="1" customWidth="1"/>
    <col min="5417" max="5419" width="2.109375" style="1" customWidth="1"/>
    <col min="5420" max="5420" width="5.6640625" style="1" customWidth="1"/>
    <col min="5421" max="5421" width="2.109375" style="1" customWidth="1"/>
    <col min="5422" max="5422" width="15.109375" style="1" customWidth="1"/>
    <col min="5423" max="5423" width="1.6640625" style="1" customWidth="1"/>
    <col min="5424" max="5424" width="3.109375" style="1" customWidth="1"/>
    <col min="5425" max="5425" width="3.6640625" style="1" customWidth="1"/>
    <col min="5426" max="5426" width="3.109375" style="1" customWidth="1"/>
    <col min="5427" max="5427" width="2.6640625" style="1" customWidth="1"/>
    <col min="5428" max="5428" width="6.6640625" style="1" customWidth="1"/>
    <col min="5429" max="5429" width="2.6640625" style="1" customWidth="1"/>
    <col min="5430" max="5639" width="9" style="1"/>
    <col min="5640" max="5640" width="11.6640625" style="1" bestFit="1" customWidth="1"/>
    <col min="5641" max="5641" width="6.44140625" style="1" bestFit="1" customWidth="1"/>
    <col min="5642" max="5642" width="2.109375" style="1" customWidth="1"/>
    <col min="5643" max="5643" width="4.6640625" style="1" customWidth="1"/>
    <col min="5644" max="5645" width="2.109375" style="1" customWidth="1"/>
    <col min="5646" max="5646" width="5.6640625" style="1" customWidth="1"/>
    <col min="5647" max="5647" width="3.6640625" style="1" customWidth="1"/>
    <col min="5648" max="5648" width="5.6640625" style="1" customWidth="1"/>
    <col min="5649" max="5649" width="3.6640625" style="1" customWidth="1"/>
    <col min="5650" max="5650" width="3.44140625" style="1" bestFit="1" customWidth="1"/>
    <col min="5651" max="5651" width="3.6640625" style="1" customWidth="1"/>
    <col min="5652" max="5652" width="3.44140625" style="1" bestFit="1" customWidth="1"/>
    <col min="5653" max="5653" width="3.6640625" style="1" customWidth="1"/>
    <col min="5654" max="5654" width="3.44140625" style="1" bestFit="1" customWidth="1"/>
    <col min="5655" max="5655" width="5.109375" style="1" customWidth="1"/>
    <col min="5656" max="5656" width="2.109375" style="1" customWidth="1"/>
    <col min="5657" max="5657" width="3.6640625" style="1" customWidth="1"/>
    <col min="5658" max="5658" width="2.88671875" style="1" customWidth="1"/>
    <col min="5659" max="5659" width="8.6640625" style="1" customWidth="1"/>
    <col min="5660" max="5660" width="2.88671875" style="1" customWidth="1"/>
    <col min="5661" max="5661" width="1.6640625" style="1" customWidth="1"/>
    <col min="5662" max="5662" width="10.33203125" style="1" customWidth="1"/>
    <col min="5663" max="5663" width="5.6640625" style="1" customWidth="1"/>
    <col min="5664" max="5664" width="2.109375" style="1" customWidth="1"/>
    <col min="5665" max="5665" width="1.88671875" style="1" customWidth="1"/>
    <col min="5666" max="5666" width="2.109375" style="1" customWidth="1"/>
    <col min="5667" max="5667" width="3.109375" style="1" customWidth="1"/>
    <col min="5668" max="5669" width="3.6640625" style="1" customWidth="1"/>
    <col min="5670" max="5670" width="5.109375" style="1" customWidth="1"/>
    <col min="5671" max="5671" width="8.88671875" style="1" customWidth="1"/>
    <col min="5672" max="5672" width="2.6640625" style="1" customWidth="1"/>
    <col min="5673" max="5675" width="2.109375" style="1" customWidth="1"/>
    <col min="5676" max="5676" width="5.6640625" style="1" customWidth="1"/>
    <col min="5677" max="5677" width="2.109375" style="1" customWidth="1"/>
    <col min="5678" max="5678" width="15.109375" style="1" customWidth="1"/>
    <col min="5679" max="5679" width="1.6640625" style="1" customWidth="1"/>
    <col min="5680" max="5680" width="3.109375" style="1" customWidth="1"/>
    <col min="5681" max="5681" width="3.6640625" style="1" customWidth="1"/>
    <col min="5682" max="5682" width="3.109375" style="1" customWidth="1"/>
    <col min="5683" max="5683" width="2.6640625" style="1" customWidth="1"/>
    <col min="5684" max="5684" width="6.6640625" style="1" customWidth="1"/>
    <col min="5685" max="5685" width="2.6640625" style="1" customWidth="1"/>
    <col min="5686" max="5895" width="9" style="1"/>
    <col min="5896" max="5896" width="11.6640625" style="1" bestFit="1" customWidth="1"/>
    <col min="5897" max="5897" width="6.44140625" style="1" bestFit="1" customWidth="1"/>
    <col min="5898" max="5898" width="2.109375" style="1" customWidth="1"/>
    <col min="5899" max="5899" width="4.6640625" style="1" customWidth="1"/>
    <col min="5900" max="5901" width="2.109375" style="1" customWidth="1"/>
    <col min="5902" max="5902" width="5.6640625" style="1" customWidth="1"/>
    <col min="5903" max="5903" width="3.6640625" style="1" customWidth="1"/>
    <col min="5904" max="5904" width="5.6640625" style="1" customWidth="1"/>
    <col min="5905" max="5905" width="3.6640625" style="1" customWidth="1"/>
    <col min="5906" max="5906" width="3.44140625" style="1" bestFit="1" customWidth="1"/>
    <col min="5907" max="5907" width="3.6640625" style="1" customWidth="1"/>
    <col min="5908" max="5908" width="3.44140625" style="1" bestFit="1" customWidth="1"/>
    <col min="5909" max="5909" width="3.6640625" style="1" customWidth="1"/>
    <col min="5910" max="5910" width="3.44140625" style="1" bestFit="1" customWidth="1"/>
    <col min="5911" max="5911" width="5.109375" style="1" customWidth="1"/>
    <col min="5912" max="5912" width="2.109375" style="1" customWidth="1"/>
    <col min="5913" max="5913" width="3.6640625" style="1" customWidth="1"/>
    <col min="5914" max="5914" width="2.88671875" style="1" customWidth="1"/>
    <col min="5915" max="5915" width="8.6640625" style="1" customWidth="1"/>
    <col min="5916" max="5916" width="2.88671875" style="1" customWidth="1"/>
    <col min="5917" max="5917" width="1.6640625" style="1" customWidth="1"/>
    <col min="5918" max="5918" width="10.33203125" style="1" customWidth="1"/>
    <col min="5919" max="5919" width="5.6640625" style="1" customWidth="1"/>
    <col min="5920" max="5920" width="2.109375" style="1" customWidth="1"/>
    <col min="5921" max="5921" width="1.88671875" style="1" customWidth="1"/>
    <col min="5922" max="5922" width="2.109375" style="1" customWidth="1"/>
    <col min="5923" max="5923" width="3.109375" style="1" customWidth="1"/>
    <col min="5924" max="5925" width="3.6640625" style="1" customWidth="1"/>
    <col min="5926" max="5926" width="5.109375" style="1" customWidth="1"/>
    <col min="5927" max="5927" width="8.88671875" style="1" customWidth="1"/>
    <col min="5928" max="5928" width="2.6640625" style="1" customWidth="1"/>
    <col min="5929" max="5931" width="2.109375" style="1" customWidth="1"/>
    <col min="5932" max="5932" width="5.6640625" style="1" customWidth="1"/>
    <col min="5933" max="5933" width="2.109375" style="1" customWidth="1"/>
    <col min="5934" max="5934" width="15.109375" style="1" customWidth="1"/>
    <col min="5935" max="5935" width="1.6640625" style="1" customWidth="1"/>
    <col min="5936" max="5936" width="3.109375" style="1" customWidth="1"/>
    <col min="5937" max="5937" width="3.6640625" style="1" customWidth="1"/>
    <col min="5938" max="5938" width="3.109375" style="1" customWidth="1"/>
    <col min="5939" max="5939" width="2.6640625" style="1" customWidth="1"/>
    <col min="5940" max="5940" width="6.6640625" style="1" customWidth="1"/>
    <col min="5941" max="5941" width="2.6640625" style="1" customWidth="1"/>
    <col min="5942" max="6151" width="9" style="1"/>
    <col min="6152" max="6152" width="11.6640625" style="1" bestFit="1" customWidth="1"/>
    <col min="6153" max="6153" width="6.44140625" style="1" bestFit="1" customWidth="1"/>
    <col min="6154" max="6154" width="2.109375" style="1" customWidth="1"/>
    <col min="6155" max="6155" width="4.6640625" style="1" customWidth="1"/>
    <col min="6156" max="6157" width="2.109375" style="1" customWidth="1"/>
    <col min="6158" max="6158" width="5.6640625" style="1" customWidth="1"/>
    <col min="6159" max="6159" width="3.6640625" style="1" customWidth="1"/>
    <col min="6160" max="6160" width="5.6640625" style="1" customWidth="1"/>
    <col min="6161" max="6161" width="3.6640625" style="1" customWidth="1"/>
    <col min="6162" max="6162" width="3.44140625" style="1" bestFit="1" customWidth="1"/>
    <col min="6163" max="6163" width="3.6640625" style="1" customWidth="1"/>
    <col min="6164" max="6164" width="3.44140625" style="1" bestFit="1" customWidth="1"/>
    <col min="6165" max="6165" width="3.6640625" style="1" customWidth="1"/>
    <col min="6166" max="6166" width="3.44140625" style="1" bestFit="1" customWidth="1"/>
    <col min="6167" max="6167" width="5.109375" style="1" customWidth="1"/>
    <col min="6168" max="6168" width="2.109375" style="1" customWidth="1"/>
    <col min="6169" max="6169" width="3.6640625" style="1" customWidth="1"/>
    <col min="6170" max="6170" width="2.88671875" style="1" customWidth="1"/>
    <col min="6171" max="6171" width="8.6640625" style="1" customWidth="1"/>
    <col min="6172" max="6172" width="2.88671875" style="1" customWidth="1"/>
    <col min="6173" max="6173" width="1.6640625" style="1" customWidth="1"/>
    <col min="6174" max="6174" width="10.33203125" style="1" customWidth="1"/>
    <col min="6175" max="6175" width="5.6640625" style="1" customWidth="1"/>
    <col min="6176" max="6176" width="2.109375" style="1" customWidth="1"/>
    <col min="6177" max="6177" width="1.88671875" style="1" customWidth="1"/>
    <col min="6178" max="6178" width="2.109375" style="1" customWidth="1"/>
    <col min="6179" max="6179" width="3.109375" style="1" customWidth="1"/>
    <col min="6180" max="6181" width="3.6640625" style="1" customWidth="1"/>
    <col min="6182" max="6182" width="5.109375" style="1" customWidth="1"/>
    <col min="6183" max="6183" width="8.88671875" style="1" customWidth="1"/>
    <col min="6184" max="6184" width="2.6640625" style="1" customWidth="1"/>
    <col min="6185" max="6187" width="2.109375" style="1" customWidth="1"/>
    <col min="6188" max="6188" width="5.6640625" style="1" customWidth="1"/>
    <col min="6189" max="6189" width="2.109375" style="1" customWidth="1"/>
    <col min="6190" max="6190" width="15.109375" style="1" customWidth="1"/>
    <col min="6191" max="6191" width="1.6640625" style="1" customWidth="1"/>
    <col min="6192" max="6192" width="3.109375" style="1" customWidth="1"/>
    <col min="6193" max="6193" width="3.6640625" style="1" customWidth="1"/>
    <col min="6194" max="6194" width="3.109375" style="1" customWidth="1"/>
    <col min="6195" max="6195" width="2.6640625" style="1" customWidth="1"/>
    <col min="6196" max="6196" width="6.6640625" style="1" customWidth="1"/>
    <col min="6197" max="6197" width="2.6640625" style="1" customWidth="1"/>
    <col min="6198" max="6407" width="9" style="1"/>
    <col min="6408" max="6408" width="11.6640625" style="1" bestFit="1" customWidth="1"/>
    <col min="6409" max="6409" width="6.44140625" style="1" bestFit="1" customWidth="1"/>
    <col min="6410" max="6410" width="2.109375" style="1" customWidth="1"/>
    <col min="6411" max="6411" width="4.6640625" style="1" customWidth="1"/>
    <col min="6412" max="6413" width="2.109375" style="1" customWidth="1"/>
    <col min="6414" max="6414" width="5.6640625" style="1" customWidth="1"/>
    <col min="6415" max="6415" width="3.6640625" style="1" customWidth="1"/>
    <col min="6416" max="6416" width="5.6640625" style="1" customWidth="1"/>
    <col min="6417" max="6417" width="3.6640625" style="1" customWidth="1"/>
    <col min="6418" max="6418" width="3.44140625" style="1" bestFit="1" customWidth="1"/>
    <col min="6419" max="6419" width="3.6640625" style="1" customWidth="1"/>
    <col min="6420" max="6420" width="3.44140625" style="1" bestFit="1" customWidth="1"/>
    <col min="6421" max="6421" width="3.6640625" style="1" customWidth="1"/>
    <col min="6422" max="6422" width="3.44140625" style="1" bestFit="1" customWidth="1"/>
    <col min="6423" max="6423" width="5.109375" style="1" customWidth="1"/>
    <col min="6424" max="6424" width="2.109375" style="1" customWidth="1"/>
    <col min="6425" max="6425" width="3.6640625" style="1" customWidth="1"/>
    <col min="6426" max="6426" width="2.88671875" style="1" customWidth="1"/>
    <col min="6427" max="6427" width="8.6640625" style="1" customWidth="1"/>
    <col min="6428" max="6428" width="2.88671875" style="1" customWidth="1"/>
    <col min="6429" max="6429" width="1.6640625" style="1" customWidth="1"/>
    <col min="6430" max="6430" width="10.33203125" style="1" customWidth="1"/>
    <col min="6431" max="6431" width="5.6640625" style="1" customWidth="1"/>
    <col min="6432" max="6432" width="2.109375" style="1" customWidth="1"/>
    <col min="6433" max="6433" width="1.88671875" style="1" customWidth="1"/>
    <col min="6434" max="6434" width="2.109375" style="1" customWidth="1"/>
    <col min="6435" max="6435" width="3.109375" style="1" customWidth="1"/>
    <col min="6436" max="6437" width="3.6640625" style="1" customWidth="1"/>
    <col min="6438" max="6438" width="5.109375" style="1" customWidth="1"/>
    <col min="6439" max="6439" width="8.88671875" style="1" customWidth="1"/>
    <col min="6440" max="6440" width="2.6640625" style="1" customWidth="1"/>
    <col min="6441" max="6443" width="2.109375" style="1" customWidth="1"/>
    <col min="6444" max="6444" width="5.6640625" style="1" customWidth="1"/>
    <col min="6445" max="6445" width="2.109375" style="1" customWidth="1"/>
    <col min="6446" max="6446" width="15.109375" style="1" customWidth="1"/>
    <col min="6447" max="6447" width="1.6640625" style="1" customWidth="1"/>
    <col min="6448" max="6448" width="3.109375" style="1" customWidth="1"/>
    <col min="6449" max="6449" width="3.6640625" style="1" customWidth="1"/>
    <col min="6450" max="6450" width="3.109375" style="1" customWidth="1"/>
    <col min="6451" max="6451" width="2.6640625" style="1" customWidth="1"/>
    <col min="6452" max="6452" width="6.6640625" style="1" customWidth="1"/>
    <col min="6453" max="6453" width="2.6640625" style="1" customWidth="1"/>
    <col min="6454" max="6663" width="9" style="1"/>
    <col min="6664" max="6664" width="11.6640625" style="1" bestFit="1" customWidth="1"/>
    <col min="6665" max="6665" width="6.44140625" style="1" bestFit="1" customWidth="1"/>
    <col min="6666" max="6666" width="2.109375" style="1" customWidth="1"/>
    <col min="6667" max="6667" width="4.6640625" style="1" customWidth="1"/>
    <col min="6668" max="6669" width="2.109375" style="1" customWidth="1"/>
    <col min="6670" max="6670" width="5.6640625" style="1" customWidth="1"/>
    <col min="6671" max="6671" width="3.6640625" style="1" customWidth="1"/>
    <col min="6672" max="6672" width="5.6640625" style="1" customWidth="1"/>
    <col min="6673" max="6673" width="3.6640625" style="1" customWidth="1"/>
    <col min="6674" max="6674" width="3.44140625" style="1" bestFit="1" customWidth="1"/>
    <col min="6675" max="6675" width="3.6640625" style="1" customWidth="1"/>
    <col min="6676" max="6676" width="3.44140625" style="1" bestFit="1" customWidth="1"/>
    <col min="6677" max="6677" width="3.6640625" style="1" customWidth="1"/>
    <col min="6678" max="6678" width="3.44140625" style="1" bestFit="1" customWidth="1"/>
    <col min="6679" max="6679" width="5.109375" style="1" customWidth="1"/>
    <col min="6680" max="6680" width="2.109375" style="1" customWidth="1"/>
    <col min="6681" max="6681" width="3.6640625" style="1" customWidth="1"/>
    <col min="6682" max="6682" width="2.88671875" style="1" customWidth="1"/>
    <col min="6683" max="6683" width="8.6640625" style="1" customWidth="1"/>
    <col min="6684" max="6684" width="2.88671875" style="1" customWidth="1"/>
    <col min="6685" max="6685" width="1.6640625" style="1" customWidth="1"/>
    <col min="6686" max="6686" width="10.33203125" style="1" customWidth="1"/>
    <col min="6687" max="6687" width="5.6640625" style="1" customWidth="1"/>
    <col min="6688" max="6688" width="2.109375" style="1" customWidth="1"/>
    <col min="6689" max="6689" width="1.88671875" style="1" customWidth="1"/>
    <col min="6690" max="6690" width="2.109375" style="1" customWidth="1"/>
    <col min="6691" max="6691" width="3.109375" style="1" customWidth="1"/>
    <col min="6692" max="6693" width="3.6640625" style="1" customWidth="1"/>
    <col min="6694" max="6694" width="5.109375" style="1" customWidth="1"/>
    <col min="6695" max="6695" width="8.88671875" style="1" customWidth="1"/>
    <col min="6696" max="6696" width="2.6640625" style="1" customWidth="1"/>
    <col min="6697" max="6699" width="2.109375" style="1" customWidth="1"/>
    <col min="6700" max="6700" width="5.6640625" style="1" customWidth="1"/>
    <col min="6701" max="6701" width="2.109375" style="1" customWidth="1"/>
    <col min="6702" max="6702" width="15.109375" style="1" customWidth="1"/>
    <col min="6703" max="6703" width="1.6640625" style="1" customWidth="1"/>
    <col min="6704" max="6704" width="3.109375" style="1" customWidth="1"/>
    <col min="6705" max="6705" width="3.6640625" style="1" customWidth="1"/>
    <col min="6706" max="6706" width="3.109375" style="1" customWidth="1"/>
    <col min="6707" max="6707" width="2.6640625" style="1" customWidth="1"/>
    <col min="6708" max="6708" width="6.6640625" style="1" customWidth="1"/>
    <col min="6709" max="6709" width="2.6640625" style="1" customWidth="1"/>
    <col min="6710" max="6919" width="9" style="1"/>
    <col min="6920" max="6920" width="11.6640625" style="1" bestFit="1" customWidth="1"/>
    <col min="6921" max="6921" width="6.44140625" style="1" bestFit="1" customWidth="1"/>
    <col min="6922" max="6922" width="2.109375" style="1" customWidth="1"/>
    <col min="6923" max="6923" width="4.6640625" style="1" customWidth="1"/>
    <col min="6924" max="6925" width="2.109375" style="1" customWidth="1"/>
    <col min="6926" max="6926" width="5.6640625" style="1" customWidth="1"/>
    <col min="6927" max="6927" width="3.6640625" style="1" customWidth="1"/>
    <col min="6928" max="6928" width="5.6640625" style="1" customWidth="1"/>
    <col min="6929" max="6929" width="3.6640625" style="1" customWidth="1"/>
    <col min="6930" max="6930" width="3.44140625" style="1" bestFit="1" customWidth="1"/>
    <col min="6931" max="6931" width="3.6640625" style="1" customWidth="1"/>
    <col min="6932" max="6932" width="3.44140625" style="1" bestFit="1" customWidth="1"/>
    <col min="6933" max="6933" width="3.6640625" style="1" customWidth="1"/>
    <col min="6934" max="6934" width="3.44140625" style="1" bestFit="1" customWidth="1"/>
    <col min="6935" max="6935" width="5.109375" style="1" customWidth="1"/>
    <col min="6936" max="6936" width="2.109375" style="1" customWidth="1"/>
    <col min="6937" max="6937" width="3.6640625" style="1" customWidth="1"/>
    <col min="6938" max="6938" width="2.88671875" style="1" customWidth="1"/>
    <col min="6939" max="6939" width="8.6640625" style="1" customWidth="1"/>
    <col min="6940" max="6940" width="2.88671875" style="1" customWidth="1"/>
    <col min="6941" max="6941" width="1.6640625" style="1" customWidth="1"/>
    <col min="6942" max="6942" width="10.33203125" style="1" customWidth="1"/>
    <col min="6943" max="6943" width="5.6640625" style="1" customWidth="1"/>
    <col min="6944" max="6944" width="2.109375" style="1" customWidth="1"/>
    <col min="6945" max="6945" width="1.88671875" style="1" customWidth="1"/>
    <col min="6946" max="6946" width="2.109375" style="1" customWidth="1"/>
    <col min="6947" max="6947" width="3.109375" style="1" customWidth="1"/>
    <col min="6948" max="6949" width="3.6640625" style="1" customWidth="1"/>
    <col min="6950" max="6950" width="5.109375" style="1" customWidth="1"/>
    <col min="6951" max="6951" width="8.88671875" style="1" customWidth="1"/>
    <col min="6952" max="6952" width="2.6640625" style="1" customWidth="1"/>
    <col min="6953" max="6955" width="2.109375" style="1" customWidth="1"/>
    <col min="6956" max="6956" width="5.6640625" style="1" customWidth="1"/>
    <col min="6957" max="6957" width="2.109375" style="1" customWidth="1"/>
    <col min="6958" max="6958" width="15.109375" style="1" customWidth="1"/>
    <col min="6959" max="6959" width="1.6640625" style="1" customWidth="1"/>
    <col min="6960" max="6960" width="3.109375" style="1" customWidth="1"/>
    <col min="6961" max="6961" width="3.6640625" style="1" customWidth="1"/>
    <col min="6962" max="6962" width="3.109375" style="1" customWidth="1"/>
    <col min="6963" max="6963" width="2.6640625" style="1" customWidth="1"/>
    <col min="6964" max="6964" width="6.6640625" style="1" customWidth="1"/>
    <col min="6965" max="6965" width="2.6640625" style="1" customWidth="1"/>
    <col min="6966" max="7175" width="9" style="1"/>
    <col min="7176" max="7176" width="11.6640625" style="1" bestFit="1" customWidth="1"/>
    <col min="7177" max="7177" width="6.44140625" style="1" bestFit="1" customWidth="1"/>
    <col min="7178" max="7178" width="2.109375" style="1" customWidth="1"/>
    <col min="7179" max="7179" width="4.6640625" style="1" customWidth="1"/>
    <col min="7180" max="7181" width="2.109375" style="1" customWidth="1"/>
    <col min="7182" max="7182" width="5.6640625" style="1" customWidth="1"/>
    <col min="7183" max="7183" width="3.6640625" style="1" customWidth="1"/>
    <col min="7184" max="7184" width="5.6640625" style="1" customWidth="1"/>
    <col min="7185" max="7185" width="3.6640625" style="1" customWidth="1"/>
    <col min="7186" max="7186" width="3.44140625" style="1" bestFit="1" customWidth="1"/>
    <col min="7187" max="7187" width="3.6640625" style="1" customWidth="1"/>
    <col min="7188" max="7188" width="3.44140625" style="1" bestFit="1" customWidth="1"/>
    <col min="7189" max="7189" width="3.6640625" style="1" customWidth="1"/>
    <col min="7190" max="7190" width="3.44140625" style="1" bestFit="1" customWidth="1"/>
    <col min="7191" max="7191" width="5.109375" style="1" customWidth="1"/>
    <col min="7192" max="7192" width="2.109375" style="1" customWidth="1"/>
    <col min="7193" max="7193" width="3.6640625" style="1" customWidth="1"/>
    <col min="7194" max="7194" width="2.88671875" style="1" customWidth="1"/>
    <col min="7195" max="7195" width="8.6640625" style="1" customWidth="1"/>
    <col min="7196" max="7196" width="2.88671875" style="1" customWidth="1"/>
    <col min="7197" max="7197" width="1.6640625" style="1" customWidth="1"/>
    <col min="7198" max="7198" width="10.33203125" style="1" customWidth="1"/>
    <col min="7199" max="7199" width="5.6640625" style="1" customWidth="1"/>
    <col min="7200" max="7200" width="2.109375" style="1" customWidth="1"/>
    <col min="7201" max="7201" width="1.88671875" style="1" customWidth="1"/>
    <col min="7202" max="7202" width="2.109375" style="1" customWidth="1"/>
    <col min="7203" max="7203" width="3.109375" style="1" customWidth="1"/>
    <col min="7204" max="7205" width="3.6640625" style="1" customWidth="1"/>
    <col min="7206" max="7206" width="5.109375" style="1" customWidth="1"/>
    <col min="7207" max="7207" width="8.88671875" style="1" customWidth="1"/>
    <col min="7208" max="7208" width="2.6640625" style="1" customWidth="1"/>
    <col min="7209" max="7211" width="2.109375" style="1" customWidth="1"/>
    <col min="7212" max="7212" width="5.6640625" style="1" customWidth="1"/>
    <col min="7213" max="7213" width="2.109375" style="1" customWidth="1"/>
    <col min="7214" max="7214" width="15.109375" style="1" customWidth="1"/>
    <col min="7215" max="7215" width="1.6640625" style="1" customWidth="1"/>
    <col min="7216" max="7216" width="3.109375" style="1" customWidth="1"/>
    <col min="7217" max="7217" width="3.6640625" style="1" customWidth="1"/>
    <col min="7218" max="7218" width="3.109375" style="1" customWidth="1"/>
    <col min="7219" max="7219" width="2.6640625" style="1" customWidth="1"/>
    <col min="7220" max="7220" width="6.6640625" style="1" customWidth="1"/>
    <col min="7221" max="7221" width="2.6640625" style="1" customWidth="1"/>
    <col min="7222" max="7431" width="9" style="1"/>
    <col min="7432" max="7432" width="11.6640625" style="1" bestFit="1" customWidth="1"/>
    <col min="7433" max="7433" width="6.44140625" style="1" bestFit="1" customWidth="1"/>
    <col min="7434" max="7434" width="2.109375" style="1" customWidth="1"/>
    <col min="7435" max="7435" width="4.6640625" style="1" customWidth="1"/>
    <col min="7436" max="7437" width="2.109375" style="1" customWidth="1"/>
    <col min="7438" max="7438" width="5.6640625" style="1" customWidth="1"/>
    <col min="7439" max="7439" width="3.6640625" style="1" customWidth="1"/>
    <col min="7440" max="7440" width="5.6640625" style="1" customWidth="1"/>
    <col min="7441" max="7441" width="3.6640625" style="1" customWidth="1"/>
    <col min="7442" max="7442" width="3.44140625" style="1" bestFit="1" customWidth="1"/>
    <col min="7443" max="7443" width="3.6640625" style="1" customWidth="1"/>
    <col min="7444" max="7444" width="3.44140625" style="1" bestFit="1" customWidth="1"/>
    <col min="7445" max="7445" width="3.6640625" style="1" customWidth="1"/>
    <col min="7446" max="7446" width="3.44140625" style="1" bestFit="1" customWidth="1"/>
    <col min="7447" max="7447" width="5.109375" style="1" customWidth="1"/>
    <col min="7448" max="7448" width="2.109375" style="1" customWidth="1"/>
    <col min="7449" max="7449" width="3.6640625" style="1" customWidth="1"/>
    <col min="7450" max="7450" width="2.88671875" style="1" customWidth="1"/>
    <col min="7451" max="7451" width="8.6640625" style="1" customWidth="1"/>
    <col min="7452" max="7452" width="2.88671875" style="1" customWidth="1"/>
    <col min="7453" max="7453" width="1.6640625" style="1" customWidth="1"/>
    <col min="7454" max="7454" width="10.33203125" style="1" customWidth="1"/>
    <col min="7455" max="7455" width="5.6640625" style="1" customWidth="1"/>
    <col min="7456" max="7456" width="2.109375" style="1" customWidth="1"/>
    <col min="7457" max="7457" width="1.88671875" style="1" customWidth="1"/>
    <col min="7458" max="7458" width="2.109375" style="1" customWidth="1"/>
    <col min="7459" max="7459" width="3.109375" style="1" customWidth="1"/>
    <col min="7460" max="7461" width="3.6640625" style="1" customWidth="1"/>
    <col min="7462" max="7462" width="5.109375" style="1" customWidth="1"/>
    <col min="7463" max="7463" width="8.88671875" style="1" customWidth="1"/>
    <col min="7464" max="7464" width="2.6640625" style="1" customWidth="1"/>
    <col min="7465" max="7467" width="2.109375" style="1" customWidth="1"/>
    <col min="7468" max="7468" width="5.6640625" style="1" customWidth="1"/>
    <col min="7469" max="7469" width="2.109375" style="1" customWidth="1"/>
    <col min="7470" max="7470" width="15.109375" style="1" customWidth="1"/>
    <col min="7471" max="7471" width="1.6640625" style="1" customWidth="1"/>
    <col min="7472" max="7472" width="3.109375" style="1" customWidth="1"/>
    <col min="7473" max="7473" width="3.6640625" style="1" customWidth="1"/>
    <col min="7474" max="7474" width="3.109375" style="1" customWidth="1"/>
    <col min="7475" max="7475" width="2.6640625" style="1" customWidth="1"/>
    <col min="7476" max="7476" width="6.6640625" style="1" customWidth="1"/>
    <col min="7477" max="7477" width="2.6640625" style="1" customWidth="1"/>
    <col min="7478" max="7687" width="9" style="1"/>
    <col min="7688" max="7688" width="11.6640625" style="1" bestFit="1" customWidth="1"/>
    <col min="7689" max="7689" width="6.44140625" style="1" bestFit="1" customWidth="1"/>
    <col min="7690" max="7690" width="2.109375" style="1" customWidth="1"/>
    <col min="7691" max="7691" width="4.6640625" style="1" customWidth="1"/>
    <col min="7692" max="7693" width="2.109375" style="1" customWidth="1"/>
    <col min="7694" max="7694" width="5.6640625" style="1" customWidth="1"/>
    <col min="7695" max="7695" width="3.6640625" style="1" customWidth="1"/>
    <col min="7696" max="7696" width="5.6640625" style="1" customWidth="1"/>
    <col min="7697" max="7697" width="3.6640625" style="1" customWidth="1"/>
    <col min="7698" max="7698" width="3.44140625" style="1" bestFit="1" customWidth="1"/>
    <col min="7699" max="7699" width="3.6640625" style="1" customWidth="1"/>
    <col min="7700" max="7700" width="3.44140625" style="1" bestFit="1" customWidth="1"/>
    <col min="7701" max="7701" width="3.6640625" style="1" customWidth="1"/>
    <col min="7702" max="7702" width="3.44140625" style="1" bestFit="1" customWidth="1"/>
    <col min="7703" max="7703" width="5.109375" style="1" customWidth="1"/>
    <col min="7704" max="7704" width="2.109375" style="1" customWidth="1"/>
    <col min="7705" max="7705" width="3.6640625" style="1" customWidth="1"/>
    <col min="7706" max="7706" width="2.88671875" style="1" customWidth="1"/>
    <col min="7707" max="7707" width="8.6640625" style="1" customWidth="1"/>
    <col min="7708" max="7708" width="2.88671875" style="1" customWidth="1"/>
    <col min="7709" max="7709" width="1.6640625" style="1" customWidth="1"/>
    <col min="7710" max="7710" width="10.33203125" style="1" customWidth="1"/>
    <col min="7711" max="7711" width="5.6640625" style="1" customWidth="1"/>
    <col min="7712" max="7712" width="2.109375" style="1" customWidth="1"/>
    <col min="7713" max="7713" width="1.88671875" style="1" customWidth="1"/>
    <col min="7714" max="7714" width="2.109375" style="1" customWidth="1"/>
    <col min="7715" max="7715" width="3.109375" style="1" customWidth="1"/>
    <col min="7716" max="7717" width="3.6640625" style="1" customWidth="1"/>
    <col min="7718" max="7718" width="5.109375" style="1" customWidth="1"/>
    <col min="7719" max="7719" width="8.88671875" style="1" customWidth="1"/>
    <col min="7720" max="7720" width="2.6640625" style="1" customWidth="1"/>
    <col min="7721" max="7723" width="2.109375" style="1" customWidth="1"/>
    <col min="7724" max="7724" width="5.6640625" style="1" customWidth="1"/>
    <col min="7725" max="7725" width="2.109375" style="1" customWidth="1"/>
    <col min="7726" max="7726" width="15.109375" style="1" customWidth="1"/>
    <col min="7727" max="7727" width="1.6640625" style="1" customWidth="1"/>
    <col min="7728" max="7728" width="3.109375" style="1" customWidth="1"/>
    <col min="7729" max="7729" width="3.6640625" style="1" customWidth="1"/>
    <col min="7730" max="7730" width="3.109375" style="1" customWidth="1"/>
    <col min="7731" max="7731" width="2.6640625" style="1" customWidth="1"/>
    <col min="7732" max="7732" width="6.6640625" style="1" customWidth="1"/>
    <col min="7733" max="7733" width="2.6640625" style="1" customWidth="1"/>
    <col min="7734" max="7943" width="9" style="1"/>
    <col min="7944" max="7944" width="11.6640625" style="1" bestFit="1" customWidth="1"/>
    <col min="7945" max="7945" width="6.44140625" style="1" bestFit="1" customWidth="1"/>
    <col min="7946" max="7946" width="2.109375" style="1" customWidth="1"/>
    <col min="7947" max="7947" width="4.6640625" style="1" customWidth="1"/>
    <col min="7948" max="7949" width="2.109375" style="1" customWidth="1"/>
    <col min="7950" max="7950" width="5.6640625" style="1" customWidth="1"/>
    <col min="7951" max="7951" width="3.6640625" style="1" customWidth="1"/>
    <col min="7952" max="7952" width="5.6640625" style="1" customWidth="1"/>
    <col min="7953" max="7953" width="3.6640625" style="1" customWidth="1"/>
    <col min="7954" max="7954" width="3.44140625" style="1" bestFit="1" customWidth="1"/>
    <col min="7955" max="7955" width="3.6640625" style="1" customWidth="1"/>
    <col min="7956" max="7956" width="3.44140625" style="1" bestFit="1" customWidth="1"/>
    <col min="7957" max="7957" width="3.6640625" style="1" customWidth="1"/>
    <col min="7958" max="7958" width="3.44140625" style="1" bestFit="1" customWidth="1"/>
    <col min="7959" max="7959" width="5.109375" style="1" customWidth="1"/>
    <col min="7960" max="7960" width="2.109375" style="1" customWidth="1"/>
    <col min="7961" max="7961" width="3.6640625" style="1" customWidth="1"/>
    <col min="7962" max="7962" width="2.88671875" style="1" customWidth="1"/>
    <col min="7963" max="7963" width="8.6640625" style="1" customWidth="1"/>
    <col min="7964" max="7964" width="2.88671875" style="1" customWidth="1"/>
    <col min="7965" max="7965" width="1.6640625" style="1" customWidth="1"/>
    <col min="7966" max="7966" width="10.33203125" style="1" customWidth="1"/>
    <col min="7967" max="7967" width="5.6640625" style="1" customWidth="1"/>
    <col min="7968" max="7968" width="2.109375" style="1" customWidth="1"/>
    <col min="7969" max="7969" width="1.88671875" style="1" customWidth="1"/>
    <col min="7970" max="7970" width="2.109375" style="1" customWidth="1"/>
    <col min="7971" max="7971" width="3.109375" style="1" customWidth="1"/>
    <col min="7972" max="7973" width="3.6640625" style="1" customWidth="1"/>
    <col min="7974" max="7974" width="5.109375" style="1" customWidth="1"/>
    <col min="7975" max="7975" width="8.88671875" style="1" customWidth="1"/>
    <col min="7976" max="7976" width="2.6640625" style="1" customWidth="1"/>
    <col min="7977" max="7979" width="2.109375" style="1" customWidth="1"/>
    <col min="7980" max="7980" width="5.6640625" style="1" customWidth="1"/>
    <col min="7981" max="7981" width="2.109375" style="1" customWidth="1"/>
    <col min="7982" max="7982" width="15.109375" style="1" customWidth="1"/>
    <col min="7983" max="7983" width="1.6640625" style="1" customWidth="1"/>
    <col min="7984" max="7984" width="3.109375" style="1" customWidth="1"/>
    <col min="7985" max="7985" width="3.6640625" style="1" customWidth="1"/>
    <col min="7986" max="7986" width="3.109375" style="1" customWidth="1"/>
    <col min="7987" max="7987" width="2.6640625" style="1" customWidth="1"/>
    <col min="7988" max="7988" width="6.6640625" style="1" customWidth="1"/>
    <col min="7989" max="7989" width="2.6640625" style="1" customWidth="1"/>
    <col min="7990" max="8199" width="9" style="1"/>
    <col min="8200" max="8200" width="11.6640625" style="1" bestFit="1" customWidth="1"/>
    <col min="8201" max="8201" width="6.44140625" style="1" bestFit="1" customWidth="1"/>
    <col min="8202" max="8202" width="2.109375" style="1" customWidth="1"/>
    <col min="8203" max="8203" width="4.6640625" style="1" customWidth="1"/>
    <col min="8204" max="8205" width="2.109375" style="1" customWidth="1"/>
    <col min="8206" max="8206" width="5.6640625" style="1" customWidth="1"/>
    <col min="8207" max="8207" width="3.6640625" style="1" customWidth="1"/>
    <col min="8208" max="8208" width="5.6640625" style="1" customWidth="1"/>
    <col min="8209" max="8209" width="3.6640625" style="1" customWidth="1"/>
    <col min="8210" max="8210" width="3.44140625" style="1" bestFit="1" customWidth="1"/>
    <col min="8211" max="8211" width="3.6640625" style="1" customWidth="1"/>
    <col min="8212" max="8212" width="3.44140625" style="1" bestFit="1" customWidth="1"/>
    <col min="8213" max="8213" width="3.6640625" style="1" customWidth="1"/>
    <col min="8214" max="8214" width="3.44140625" style="1" bestFit="1" customWidth="1"/>
    <col min="8215" max="8215" width="5.109375" style="1" customWidth="1"/>
    <col min="8216" max="8216" width="2.109375" style="1" customWidth="1"/>
    <col min="8217" max="8217" width="3.6640625" style="1" customWidth="1"/>
    <col min="8218" max="8218" width="2.88671875" style="1" customWidth="1"/>
    <col min="8219" max="8219" width="8.6640625" style="1" customWidth="1"/>
    <col min="8220" max="8220" width="2.88671875" style="1" customWidth="1"/>
    <col min="8221" max="8221" width="1.6640625" style="1" customWidth="1"/>
    <col min="8222" max="8222" width="10.33203125" style="1" customWidth="1"/>
    <col min="8223" max="8223" width="5.6640625" style="1" customWidth="1"/>
    <col min="8224" max="8224" width="2.109375" style="1" customWidth="1"/>
    <col min="8225" max="8225" width="1.88671875" style="1" customWidth="1"/>
    <col min="8226" max="8226" width="2.109375" style="1" customWidth="1"/>
    <col min="8227" max="8227" width="3.109375" style="1" customWidth="1"/>
    <col min="8228" max="8229" width="3.6640625" style="1" customWidth="1"/>
    <col min="8230" max="8230" width="5.109375" style="1" customWidth="1"/>
    <col min="8231" max="8231" width="8.88671875" style="1" customWidth="1"/>
    <col min="8232" max="8232" width="2.6640625" style="1" customWidth="1"/>
    <col min="8233" max="8235" width="2.109375" style="1" customWidth="1"/>
    <col min="8236" max="8236" width="5.6640625" style="1" customWidth="1"/>
    <col min="8237" max="8237" width="2.109375" style="1" customWidth="1"/>
    <col min="8238" max="8238" width="15.109375" style="1" customWidth="1"/>
    <col min="8239" max="8239" width="1.6640625" style="1" customWidth="1"/>
    <col min="8240" max="8240" width="3.109375" style="1" customWidth="1"/>
    <col min="8241" max="8241" width="3.6640625" style="1" customWidth="1"/>
    <col min="8242" max="8242" width="3.109375" style="1" customWidth="1"/>
    <col min="8243" max="8243" width="2.6640625" style="1" customWidth="1"/>
    <col min="8244" max="8244" width="6.6640625" style="1" customWidth="1"/>
    <col min="8245" max="8245" width="2.6640625" style="1" customWidth="1"/>
    <col min="8246" max="8455" width="9" style="1"/>
    <col min="8456" max="8456" width="11.6640625" style="1" bestFit="1" customWidth="1"/>
    <col min="8457" max="8457" width="6.44140625" style="1" bestFit="1" customWidth="1"/>
    <col min="8458" max="8458" width="2.109375" style="1" customWidth="1"/>
    <col min="8459" max="8459" width="4.6640625" style="1" customWidth="1"/>
    <col min="8460" max="8461" width="2.109375" style="1" customWidth="1"/>
    <col min="8462" max="8462" width="5.6640625" style="1" customWidth="1"/>
    <col min="8463" max="8463" width="3.6640625" style="1" customWidth="1"/>
    <col min="8464" max="8464" width="5.6640625" style="1" customWidth="1"/>
    <col min="8465" max="8465" width="3.6640625" style="1" customWidth="1"/>
    <col min="8466" max="8466" width="3.44140625" style="1" bestFit="1" customWidth="1"/>
    <col min="8467" max="8467" width="3.6640625" style="1" customWidth="1"/>
    <col min="8468" max="8468" width="3.44140625" style="1" bestFit="1" customWidth="1"/>
    <col min="8469" max="8469" width="3.6640625" style="1" customWidth="1"/>
    <col min="8470" max="8470" width="3.44140625" style="1" bestFit="1" customWidth="1"/>
    <col min="8471" max="8471" width="5.109375" style="1" customWidth="1"/>
    <col min="8472" max="8472" width="2.109375" style="1" customWidth="1"/>
    <col min="8473" max="8473" width="3.6640625" style="1" customWidth="1"/>
    <col min="8474" max="8474" width="2.88671875" style="1" customWidth="1"/>
    <col min="8475" max="8475" width="8.6640625" style="1" customWidth="1"/>
    <col min="8476" max="8476" width="2.88671875" style="1" customWidth="1"/>
    <col min="8477" max="8477" width="1.6640625" style="1" customWidth="1"/>
    <col min="8478" max="8478" width="10.33203125" style="1" customWidth="1"/>
    <col min="8479" max="8479" width="5.6640625" style="1" customWidth="1"/>
    <col min="8480" max="8480" width="2.109375" style="1" customWidth="1"/>
    <col min="8481" max="8481" width="1.88671875" style="1" customWidth="1"/>
    <col min="8482" max="8482" width="2.109375" style="1" customWidth="1"/>
    <col min="8483" max="8483" width="3.109375" style="1" customWidth="1"/>
    <col min="8484" max="8485" width="3.6640625" style="1" customWidth="1"/>
    <col min="8486" max="8486" width="5.109375" style="1" customWidth="1"/>
    <col min="8487" max="8487" width="8.88671875" style="1" customWidth="1"/>
    <col min="8488" max="8488" width="2.6640625" style="1" customWidth="1"/>
    <col min="8489" max="8491" width="2.109375" style="1" customWidth="1"/>
    <col min="8492" max="8492" width="5.6640625" style="1" customWidth="1"/>
    <col min="8493" max="8493" width="2.109375" style="1" customWidth="1"/>
    <col min="8494" max="8494" width="15.109375" style="1" customWidth="1"/>
    <col min="8495" max="8495" width="1.6640625" style="1" customWidth="1"/>
    <col min="8496" max="8496" width="3.109375" style="1" customWidth="1"/>
    <col min="8497" max="8497" width="3.6640625" style="1" customWidth="1"/>
    <col min="8498" max="8498" width="3.109375" style="1" customWidth="1"/>
    <col min="8499" max="8499" width="2.6640625" style="1" customWidth="1"/>
    <col min="8500" max="8500" width="6.6640625" style="1" customWidth="1"/>
    <col min="8501" max="8501" width="2.6640625" style="1" customWidth="1"/>
    <col min="8502" max="8711" width="9" style="1"/>
    <col min="8712" max="8712" width="11.6640625" style="1" bestFit="1" customWidth="1"/>
    <col min="8713" max="8713" width="6.44140625" style="1" bestFit="1" customWidth="1"/>
    <col min="8714" max="8714" width="2.109375" style="1" customWidth="1"/>
    <col min="8715" max="8715" width="4.6640625" style="1" customWidth="1"/>
    <col min="8716" max="8717" width="2.109375" style="1" customWidth="1"/>
    <col min="8718" max="8718" width="5.6640625" style="1" customWidth="1"/>
    <col min="8719" max="8719" width="3.6640625" style="1" customWidth="1"/>
    <col min="8720" max="8720" width="5.6640625" style="1" customWidth="1"/>
    <col min="8721" max="8721" width="3.6640625" style="1" customWidth="1"/>
    <col min="8722" max="8722" width="3.44140625" style="1" bestFit="1" customWidth="1"/>
    <col min="8723" max="8723" width="3.6640625" style="1" customWidth="1"/>
    <col min="8724" max="8724" width="3.44140625" style="1" bestFit="1" customWidth="1"/>
    <col min="8725" max="8725" width="3.6640625" style="1" customWidth="1"/>
    <col min="8726" max="8726" width="3.44140625" style="1" bestFit="1" customWidth="1"/>
    <col min="8727" max="8727" width="5.109375" style="1" customWidth="1"/>
    <col min="8728" max="8728" width="2.109375" style="1" customWidth="1"/>
    <col min="8729" max="8729" width="3.6640625" style="1" customWidth="1"/>
    <col min="8730" max="8730" width="2.88671875" style="1" customWidth="1"/>
    <col min="8731" max="8731" width="8.6640625" style="1" customWidth="1"/>
    <col min="8732" max="8732" width="2.88671875" style="1" customWidth="1"/>
    <col min="8733" max="8733" width="1.6640625" style="1" customWidth="1"/>
    <col min="8734" max="8734" width="10.33203125" style="1" customWidth="1"/>
    <col min="8735" max="8735" width="5.6640625" style="1" customWidth="1"/>
    <col min="8736" max="8736" width="2.109375" style="1" customWidth="1"/>
    <col min="8737" max="8737" width="1.88671875" style="1" customWidth="1"/>
    <col min="8738" max="8738" width="2.109375" style="1" customWidth="1"/>
    <col min="8739" max="8739" width="3.109375" style="1" customWidth="1"/>
    <col min="8740" max="8741" width="3.6640625" style="1" customWidth="1"/>
    <col min="8742" max="8742" width="5.109375" style="1" customWidth="1"/>
    <col min="8743" max="8743" width="8.88671875" style="1" customWidth="1"/>
    <col min="8744" max="8744" width="2.6640625" style="1" customWidth="1"/>
    <col min="8745" max="8747" width="2.109375" style="1" customWidth="1"/>
    <col min="8748" max="8748" width="5.6640625" style="1" customWidth="1"/>
    <col min="8749" max="8749" width="2.109375" style="1" customWidth="1"/>
    <col min="8750" max="8750" width="15.109375" style="1" customWidth="1"/>
    <col min="8751" max="8751" width="1.6640625" style="1" customWidth="1"/>
    <col min="8752" max="8752" width="3.109375" style="1" customWidth="1"/>
    <col min="8753" max="8753" width="3.6640625" style="1" customWidth="1"/>
    <col min="8754" max="8754" width="3.109375" style="1" customWidth="1"/>
    <col min="8755" max="8755" width="2.6640625" style="1" customWidth="1"/>
    <col min="8756" max="8756" width="6.6640625" style="1" customWidth="1"/>
    <col min="8757" max="8757" width="2.6640625" style="1" customWidth="1"/>
    <col min="8758" max="8967" width="9" style="1"/>
    <col min="8968" max="8968" width="11.6640625" style="1" bestFit="1" customWidth="1"/>
    <col min="8969" max="8969" width="6.44140625" style="1" bestFit="1" customWidth="1"/>
    <col min="8970" max="8970" width="2.109375" style="1" customWidth="1"/>
    <col min="8971" max="8971" width="4.6640625" style="1" customWidth="1"/>
    <col min="8972" max="8973" width="2.109375" style="1" customWidth="1"/>
    <col min="8974" max="8974" width="5.6640625" style="1" customWidth="1"/>
    <col min="8975" max="8975" width="3.6640625" style="1" customWidth="1"/>
    <col min="8976" max="8976" width="5.6640625" style="1" customWidth="1"/>
    <col min="8977" max="8977" width="3.6640625" style="1" customWidth="1"/>
    <col min="8978" max="8978" width="3.44140625" style="1" bestFit="1" customWidth="1"/>
    <col min="8979" max="8979" width="3.6640625" style="1" customWidth="1"/>
    <col min="8980" max="8980" width="3.44140625" style="1" bestFit="1" customWidth="1"/>
    <col min="8981" max="8981" width="3.6640625" style="1" customWidth="1"/>
    <col min="8982" max="8982" width="3.44140625" style="1" bestFit="1" customWidth="1"/>
    <col min="8983" max="8983" width="5.109375" style="1" customWidth="1"/>
    <col min="8984" max="8984" width="2.109375" style="1" customWidth="1"/>
    <col min="8985" max="8985" width="3.6640625" style="1" customWidth="1"/>
    <col min="8986" max="8986" width="2.88671875" style="1" customWidth="1"/>
    <col min="8987" max="8987" width="8.6640625" style="1" customWidth="1"/>
    <col min="8988" max="8988" width="2.88671875" style="1" customWidth="1"/>
    <col min="8989" max="8989" width="1.6640625" style="1" customWidth="1"/>
    <col min="8990" max="8990" width="10.33203125" style="1" customWidth="1"/>
    <col min="8991" max="8991" width="5.6640625" style="1" customWidth="1"/>
    <col min="8992" max="8992" width="2.109375" style="1" customWidth="1"/>
    <col min="8993" max="8993" width="1.88671875" style="1" customWidth="1"/>
    <col min="8994" max="8994" width="2.109375" style="1" customWidth="1"/>
    <col min="8995" max="8995" width="3.109375" style="1" customWidth="1"/>
    <col min="8996" max="8997" width="3.6640625" style="1" customWidth="1"/>
    <col min="8998" max="8998" width="5.109375" style="1" customWidth="1"/>
    <col min="8999" max="8999" width="8.88671875" style="1" customWidth="1"/>
    <col min="9000" max="9000" width="2.6640625" style="1" customWidth="1"/>
    <col min="9001" max="9003" width="2.109375" style="1" customWidth="1"/>
    <col min="9004" max="9004" width="5.6640625" style="1" customWidth="1"/>
    <col min="9005" max="9005" width="2.109375" style="1" customWidth="1"/>
    <col min="9006" max="9006" width="15.109375" style="1" customWidth="1"/>
    <col min="9007" max="9007" width="1.6640625" style="1" customWidth="1"/>
    <col min="9008" max="9008" width="3.109375" style="1" customWidth="1"/>
    <col min="9009" max="9009" width="3.6640625" style="1" customWidth="1"/>
    <col min="9010" max="9010" width="3.109375" style="1" customWidth="1"/>
    <col min="9011" max="9011" width="2.6640625" style="1" customWidth="1"/>
    <col min="9012" max="9012" width="6.6640625" style="1" customWidth="1"/>
    <col min="9013" max="9013" width="2.6640625" style="1" customWidth="1"/>
    <col min="9014" max="9223" width="9" style="1"/>
    <col min="9224" max="9224" width="11.6640625" style="1" bestFit="1" customWidth="1"/>
    <col min="9225" max="9225" width="6.44140625" style="1" bestFit="1" customWidth="1"/>
    <col min="9226" max="9226" width="2.109375" style="1" customWidth="1"/>
    <col min="9227" max="9227" width="4.6640625" style="1" customWidth="1"/>
    <col min="9228" max="9229" width="2.109375" style="1" customWidth="1"/>
    <col min="9230" max="9230" width="5.6640625" style="1" customWidth="1"/>
    <col min="9231" max="9231" width="3.6640625" style="1" customWidth="1"/>
    <col min="9232" max="9232" width="5.6640625" style="1" customWidth="1"/>
    <col min="9233" max="9233" width="3.6640625" style="1" customWidth="1"/>
    <col min="9234" max="9234" width="3.44140625" style="1" bestFit="1" customWidth="1"/>
    <col min="9235" max="9235" width="3.6640625" style="1" customWidth="1"/>
    <col min="9236" max="9236" width="3.44140625" style="1" bestFit="1" customWidth="1"/>
    <col min="9237" max="9237" width="3.6640625" style="1" customWidth="1"/>
    <col min="9238" max="9238" width="3.44140625" style="1" bestFit="1" customWidth="1"/>
    <col min="9239" max="9239" width="5.109375" style="1" customWidth="1"/>
    <col min="9240" max="9240" width="2.109375" style="1" customWidth="1"/>
    <col min="9241" max="9241" width="3.6640625" style="1" customWidth="1"/>
    <col min="9242" max="9242" width="2.88671875" style="1" customWidth="1"/>
    <col min="9243" max="9243" width="8.6640625" style="1" customWidth="1"/>
    <col min="9244" max="9244" width="2.88671875" style="1" customWidth="1"/>
    <col min="9245" max="9245" width="1.6640625" style="1" customWidth="1"/>
    <col min="9246" max="9246" width="10.33203125" style="1" customWidth="1"/>
    <col min="9247" max="9247" width="5.6640625" style="1" customWidth="1"/>
    <col min="9248" max="9248" width="2.109375" style="1" customWidth="1"/>
    <col min="9249" max="9249" width="1.88671875" style="1" customWidth="1"/>
    <col min="9250" max="9250" width="2.109375" style="1" customWidth="1"/>
    <col min="9251" max="9251" width="3.109375" style="1" customWidth="1"/>
    <col min="9252" max="9253" width="3.6640625" style="1" customWidth="1"/>
    <col min="9254" max="9254" width="5.109375" style="1" customWidth="1"/>
    <col min="9255" max="9255" width="8.88671875" style="1" customWidth="1"/>
    <col min="9256" max="9256" width="2.6640625" style="1" customWidth="1"/>
    <col min="9257" max="9259" width="2.109375" style="1" customWidth="1"/>
    <col min="9260" max="9260" width="5.6640625" style="1" customWidth="1"/>
    <col min="9261" max="9261" width="2.109375" style="1" customWidth="1"/>
    <col min="9262" max="9262" width="15.109375" style="1" customWidth="1"/>
    <col min="9263" max="9263" width="1.6640625" style="1" customWidth="1"/>
    <col min="9264" max="9264" width="3.109375" style="1" customWidth="1"/>
    <col min="9265" max="9265" width="3.6640625" style="1" customWidth="1"/>
    <col min="9266" max="9266" width="3.109375" style="1" customWidth="1"/>
    <col min="9267" max="9267" width="2.6640625" style="1" customWidth="1"/>
    <col min="9268" max="9268" width="6.6640625" style="1" customWidth="1"/>
    <col min="9269" max="9269" width="2.6640625" style="1" customWidth="1"/>
    <col min="9270" max="9479" width="9" style="1"/>
    <col min="9480" max="9480" width="11.6640625" style="1" bestFit="1" customWidth="1"/>
    <col min="9481" max="9481" width="6.44140625" style="1" bestFit="1" customWidth="1"/>
    <col min="9482" max="9482" width="2.109375" style="1" customWidth="1"/>
    <col min="9483" max="9483" width="4.6640625" style="1" customWidth="1"/>
    <col min="9484" max="9485" width="2.109375" style="1" customWidth="1"/>
    <col min="9486" max="9486" width="5.6640625" style="1" customWidth="1"/>
    <col min="9487" max="9487" width="3.6640625" style="1" customWidth="1"/>
    <col min="9488" max="9488" width="5.6640625" style="1" customWidth="1"/>
    <col min="9489" max="9489" width="3.6640625" style="1" customWidth="1"/>
    <col min="9490" max="9490" width="3.44140625" style="1" bestFit="1" customWidth="1"/>
    <col min="9491" max="9491" width="3.6640625" style="1" customWidth="1"/>
    <col min="9492" max="9492" width="3.44140625" style="1" bestFit="1" customWidth="1"/>
    <col min="9493" max="9493" width="3.6640625" style="1" customWidth="1"/>
    <col min="9494" max="9494" width="3.44140625" style="1" bestFit="1" customWidth="1"/>
    <col min="9495" max="9495" width="5.109375" style="1" customWidth="1"/>
    <col min="9496" max="9496" width="2.109375" style="1" customWidth="1"/>
    <col min="9497" max="9497" width="3.6640625" style="1" customWidth="1"/>
    <col min="9498" max="9498" width="2.88671875" style="1" customWidth="1"/>
    <col min="9499" max="9499" width="8.6640625" style="1" customWidth="1"/>
    <col min="9500" max="9500" width="2.88671875" style="1" customWidth="1"/>
    <col min="9501" max="9501" width="1.6640625" style="1" customWidth="1"/>
    <col min="9502" max="9502" width="10.33203125" style="1" customWidth="1"/>
    <col min="9503" max="9503" width="5.6640625" style="1" customWidth="1"/>
    <col min="9504" max="9504" width="2.109375" style="1" customWidth="1"/>
    <col min="9505" max="9505" width="1.88671875" style="1" customWidth="1"/>
    <col min="9506" max="9506" width="2.109375" style="1" customWidth="1"/>
    <col min="9507" max="9507" width="3.109375" style="1" customWidth="1"/>
    <col min="9508" max="9509" width="3.6640625" style="1" customWidth="1"/>
    <col min="9510" max="9510" width="5.109375" style="1" customWidth="1"/>
    <col min="9511" max="9511" width="8.88671875" style="1" customWidth="1"/>
    <col min="9512" max="9512" width="2.6640625" style="1" customWidth="1"/>
    <col min="9513" max="9515" width="2.109375" style="1" customWidth="1"/>
    <col min="9516" max="9516" width="5.6640625" style="1" customWidth="1"/>
    <col min="9517" max="9517" width="2.109375" style="1" customWidth="1"/>
    <col min="9518" max="9518" width="15.109375" style="1" customWidth="1"/>
    <col min="9519" max="9519" width="1.6640625" style="1" customWidth="1"/>
    <col min="9520" max="9520" width="3.109375" style="1" customWidth="1"/>
    <col min="9521" max="9521" width="3.6640625" style="1" customWidth="1"/>
    <col min="9522" max="9522" width="3.109375" style="1" customWidth="1"/>
    <col min="9523" max="9523" width="2.6640625" style="1" customWidth="1"/>
    <col min="9524" max="9524" width="6.6640625" style="1" customWidth="1"/>
    <col min="9525" max="9525" width="2.6640625" style="1" customWidth="1"/>
    <col min="9526" max="9735" width="9" style="1"/>
    <col min="9736" max="9736" width="11.6640625" style="1" bestFit="1" customWidth="1"/>
    <col min="9737" max="9737" width="6.44140625" style="1" bestFit="1" customWidth="1"/>
    <col min="9738" max="9738" width="2.109375" style="1" customWidth="1"/>
    <col min="9739" max="9739" width="4.6640625" style="1" customWidth="1"/>
    <col min="9740" max="9741" width="2.109375" style="1" customWidth="1"/>
    <col min="9742" max="9742" width="5.6640625" style="1" customWidth="1"/>
    <col min="9743" max="9743" width="3.6640625" style="1" customWidth="1"/>
    <col min="9744" max="9744" width="5.6640625" style="1" customWidth="1"/>
    <col min="9745" max="9745" width="3.6640625" style="1" customWidth="1"/>
    <col min="9746" max="9746" width="3.44140625" style="1" bestFit="1" customWidth="1"/>
    <col min="9747" max="9747" width="3.6640625" style="1" customWidth="1"/>
    <col min="9748" max="9748" width="3.44140625" style="1" bestFit="1" customWidth="1"/>
    <col min="9749" max="9749" width="3.6640625" style="1" customWidth="1"/>
    <col min="9750" max="9750" width="3.44140625" style="1" bestFit="1" customWidth="1"/>
    <col min="9751" max="9751" width="5.109375" style="1" customWidth="1"/>
    <col min="9752" max="9752" width="2.109375" style="1" customWidth="1"/>
    <col min="9753" max="9753" width="3.6640625" style="1" customWidth="1"/>
    <col min="9754" max="9754" width="2.88671875" style="1" customWidth="1"/>
    <col min="9755" max="9755" width="8.6640625" style="1" customWidth="1"/>
    <col min="9756" max="9756" width="2.88671875" style="1" customWidth="1"/>
    <col min="9757" max="9757" width="1.6640625" style="1" customWidth="1"/>
    <col min="9758" max="9758" width="10.33203125" style="1" customWidth="1"/>
    <col min="9759" max="9759" width="5.6640625" style="1" customWidth="1"/>
    <col min="9760" max="9760" width="2.109375" style="1" customWidth="1"/>
    <col min="9761" max="9761" width="1.88671875" style="1" customWidth="1"/>
    <col min="9762" max="9762" width="2.109375" style="1" customWidth="1"/>
    <col min="9763" max="9763" width="3.109375" style="1" customWidth="1"/>
    <col min="9764" max="9765" width="3.6640625" style="1" customWidth="1"/>
    <col min="9766" max="9766" width="5.109375" style="1" customWidth="1"/>
    <col min="9767" max="9767" width="8.88671875" style="1" customWidth="1"/>
    <col min="9768" max="9768" width="2.6640625" style="1" customWidth="1"/>
    <col min="9769" max="9771" width="2.109375" style="1" customWidth="1"/>
    <col min="9772" max="9772" width="5.6640625" style="1" customWidth="1"/>
    <col min="9773" max="9773" width="2.109375" style="1" customWidth="1"/>
    <col min="9774" max="9774" width="15.109375" style="1" customWidth="1"/>
    <col min="9775" max="9775" width="1.6640625" style="1" customWidth="1"/>
    <col min="9776" max="9776" width="3.109375" style="1" customWidth="1"/>
    <col min="9777" max="9777" width="3.6640625" style="1" customWidth="1"/>
    <col min="9778" max="9778" width="3.109375" style="1" customWidth="1"/>
    <col min="9779" max="9779" width="2.6640625" style="1" customWidth="1"/>
    <col min="9780" max="9780" width="6.6640625" style="1" customWidth="1"/>
    <col min="9781" max="9781" width="2.6640625" style="1" customWidth="1"/>
    <col min="9782" max="9991" width="9" style="1"/>
    <col min="9992" max="9992" width="11.6640625" style="1" bestFit="1" customWidth="1"/>
    <col min="9993" max="9993" width="6.44140625" style="1" bestFit="1" customWidth="1"/>
    <col min="9994" max="9994" width="2.109375" style="1" customWidth="1"/>
    <col min="9995" max="9995" width="4.6640625" style="1" customWidth="1"/>
    <col min="9996" max="9997" width="2.109375" style="1" customWidth="1"/>
    <col min="9998" max="9998" width="5.6640625" style="1" customWidth="1"/>
    <col min="9999" max="9999" width="3.6640625" style="1" customWidth="1"/>
    <col min="10000" max="10000" width="5.6640625" style="1" customWidth="1"/>
    <col min="10001" max="10001" width="3.6640625" style="1" customWidth="1"/>
    <col min="10002" max="10002" width="3.44140625" style="1" bestFit="1" customWidth="1"/>
    <col min="10003" max="10003" width="3.6640625" style="1" customWidth="1"/>
    <col min="10004" max="10004" width="3.44140625" style="1" bestFit="1" customWidth="1"/>
    <col min="10005" max="10005" width="3.6640625" style="1" customWidth="1"/>
    <col min="10006" max="10006" width="3.44140625" style="1" bestFit="1" customWidth="1"/>
    <col min="10007" max="10007" width="5.109375" style="1" customWidth="1"/>
    <col min="10008" max="10008" width="2.109375" style="1" customWidth="1"/>
    <col min="10009" max="10009" width="3.6640625" style="1" customWidth="1"/>
    <col min="10010" max="10010" width="2.88671875" style="1" customWidth="1"/>
    <col min="10011" max="10011" width="8.6640625" style="1" customWidth="1"/>
    <col min="10012" max="10012" width="2.88671875" style="1" customWidth="1"/>
    <col min="10013" max="10013" width="1.6640625" style="1" customWidth="1"/>
    <col min="10014" max="10014" width="10.33203125" style="1" customWidth="1"/>
    <col min="10015" max="10015" width="5.6640625" style="1" customWidth="1"/>
    <col min="10016" max="10016" width="2.109375" style="1" customWidth="1"/>
    <col min="10017" max="10017" width="1.88671875" style="1" customWidth="1"/>
    <col min="10018" max="10018" width="2.109375" style="1" customWidth="1"/>
    <col min="10019" max="10019" width="3.109375" style="1" customWidth="1"/>
    <col min="10020" max="10021" width="3.6640625" style="1" customWidth="1"/>
    <col min="10022" max="10022" width="5.109375" style="1" customWidth="1"/>
    <col min="10023" max="10023" width="8.88671875" style="1" customWidth="1"/>
    <col min="10024" max="10024" width="2.6640625" style="1" customWidth="1"/>
    <col min="10025" max="10027" width="2.109375" style="1" customWidth="1"/>
    <col min="10028" max="10028" width="5.6640625" style="1" customWidth="1"/>
    <col min="10029" max="10029" width="2.109375" style="1" customWidth="1"/>
    <col min="10030" max="10030" width="15.109375" style="1" customWidth="1"/>
    <col min="10031" max="10031" width="1.6640625" style="1" customWidth="1"/>
    <col min="10032" max="10032" width="3.109375" style="1" customWidth="1"/>
    <col min="10033" max="10033" width="3.6640625" style="1" customWidth="1"/>
    <col min="10034" max="10034" width="3.109375" style="1" customWidth="1"/>
    <col min="10035" max="10035" width="2.6640625" style="1" customWidth="1"/>
    <col min="10036" max="10036" width="6.6640625" style="1" customWidth="1"/>
    <col min="10037" max="10037" width="2.6640625" style="1" customWidth="1"/>
    <col min="10038" max="10247" width="9" style="1"/>
    <col min="10248" max="10248" width="11.6640625" style="1" bestFit="1" customWidth="1"/>
    <col min="10249" max="10249" width="6.44140625" style="1" bestFit="1" customWidth="1"/>
    <col min="10250" max="10250" width="2.109375" style="1" customWidth="1"/>
    <col min="10251" max="10251" width="4.6640625" style="1" customWidth="1"/>
    <col min="10252" max="10253" width="2.109375" style="1" customWidth="1"/>
    <col min="10254" max="10254" width="5.6640625" style="1" customWidth="1"/>
    <col min="10255" max="10255" width="3.6640625" style="1" customWidth="1"/>
    <col min="10256" max="10256" width="5.6640625" style="1" customWidth="1"/>
    <col min="10257" max="10257" width="3.6640625" style="1" customWidth="1"/>
    <col min="10258" max="10258" width="3.44140625" style="1" bestFit="1" customWidth="1"/>
    <col min="10259" max="10259" width="3.6640625" style="1" customWidth="1"/>
    <col min="10260" max="10260" width="3.44140625" style="1" bestFit="1" customWidth="1"/>
    <col min="10261" max="10261" width="3.6640625" style="1" customWidth="1"/>
    <col min="10262" max="10262" width="3.44140625" style="1" bestFit="1" customWidth="1"/>
    <col min="10263" max="10263" width="5.109375" style="1" customWidth="1"/>
    <col min="10264" max="10264" width="2.109375" style="1" customWidth="1"/>
    <col min="10265" max="10265" width="3.6640625" style="1" customWidth="1"/>
    <col min="10266" max="10266" width="2.88671875" style="1" customWidth="1"/>
    <col min="10267" max="10267" width="8.6640625" style="1" customWidth="1"/>
    <col min="10268" max="10268" width="2.88671875" style="1" customWidth="1"/>
    <col min="10269" max="10269" width="1.6640625" style="1" customWidth="1"/>
    <col min="10270" max="10270" width="10.33203125" style="1" customWidth="1"/>
    <col min="10271" max="10271" width="5.6640625" style="1" customWidth="1"/>
    <col min="10272" max="10272" width="2.109375" style="1" customWidth="1"/>
    <col min="10273" max="10273" width="1.88671875" style="1" customWidth="1"/>
    <col min="10274" max="10274" width="2.109375" style="1" customWidth="1"/>
    <col min="10275" max="10275" width="3.109375" style="1" customWidth="1"/>
    <col min="10276" max="10277" width="3.6640625" style="1" customWidth="1"/>
    <col min="10278" max="10278" width="5.109375" style="1" customWidth="1"/>
    <col min="10279" max="10279" width="8.88671875" style="1" customWidth="1"/>
    <col min="10280" max="10280" width="2.6640625" style="1" customWidth="1"/>
    <col min="10281" max="10283" width="2.109375" style="1" customWidth="1"/>
    <col min="10284" max="10284" width="5.6640625" style="1" customWidth="1"/>
    <col min="10285" max="10285" width="2.109375" style="1" customWidth="1"/>
    <col min="10286" max="10286" width="15.109375" style="1" customWidth="1"/>
    <col min="10287" max="10287" width="1.6640625" style="1" customWidth="1"/>
    <col min="10288" max="10288" width="3.109375" style="1" customWidth="1"/>
    <col min="10289" max="10289" width="3.6640625" style="1" customWidth="1"/>
    <col min="10290" max="10290" width="3.109375" style="1" customWidth="1"/>
    <col min="10291" max="10291" width="2.6640625" style="1" customWidth="1"/>
    <col min="10292" max="10292" width="6.6640625" style="1" customWidth="1"/>
    <col min="10293" max="10293" width="2.6640625" style="1" customWidth="1"/>
    <col min="10294" max="10503" width="9" style="1"/>
    <col min="10504" max="10504" width="11.6640625" style="1" bestFit="1" customWidth="1"/>
    <col min="10505" max="10505" width="6.44140625" style="1" bestFit="1" customWidth="1"/>
    <col min="10506" max="10506" width="2.109375" style="1" customWidth="1"/>
    <col min="10507" max="10507" width="4.6640625" style="1" customWidth="1"/>
    <col min="10508" max="10509" width="2.109375" style="1" customWidth="1"/>
    <col min="10510" max="10510" width="5.6640625" style="1" customWidth="1"/>
    <col min="10511" max="10511" width="3.6640625" style="1" customWidth="1"/>
    <col min="10512" max="10512" width="5.6640625" style="1" customWidth="1"/>
    <col min="10513" max="10513" width="3.6640625" style="1" customWidth="1"/>
    <col min="10514" max="10514" width="3.44140625" style="1" bestFit="1" customWidth="1"/>
    <col min="10515" max="10515" width="3.6640625" style="1" customWidth="1"/>
    <col min="10516" max="10516" width="3.44140625" style="1" bestFit="1" customWidth="1"/>
    <col min="10517" max="10517" width="3.6640625" style="1" customWidth="1"/>
    <col min="10518" max="10518" width="3.44140625" style="1" bestFit="1" customWidth="1"/>
    <col min="10519" max="10519" width="5.109375" style="1" customWidth="1"/>
    <col min="10520" max="10520" width="2.109375" style="1" customWidth="1"/>
    <col min="10521" max="10521" width="3.6640625" style="1" customWidth="1"/>
    <col min="10522" max="10522" width="2.88671875" style="1" customWidth="1"/>
    <col min="10523" max="10523" width="8.6640625" style="1" customWidth="1"/>
    <col min="10524" max="10524" width="2.88671875" style="1" customWidth="1"/>
    <col min="10525" max="10525" width="1.6640625" style="1" customWidth="1"/>
    <col min="10526" max="10526" width="10.33203125" style="1" customWidth="1"/>
    <col min="10527" max="10527" width="5.6640625" style="1" customWidth="1"/>
    <col min="10528" max="10528" width="2.109375" style="1" customWidth="1"/>
    <col min="10529" max="10529" width="1.88671875" style="1" customWidth="1"/>
    <col min="10530" max="10530" width="2.109375" style="1" customWidth="1"/>
    <col min="10531" max="10531" width="3.109375" style="1" customWidth="1"/>
    <col min="10532" max="10533" width="3.6640625" style="1" customWidth="1"/>
    <col min="10534" max="10534" width="5.109375" style="1" customWidth="1"/>
    <col min="10535" max="10535" width="8.88671875" style="1" customWidth="1"/>
    <col min="10536" max="10536" width="2.6640625" style="1" customWidth="1"/>
    <col min="10537" max="10539" width="2.109375" style="1" customWidth="1"/>
    <col min="10540" max="10540" width="5.6640625" style="1" customWidth="1"/>
    <col min="10541" max="10541" width="2.109375" style="1" customWidth="1"/>
    <col min="10542" max="10542" width="15.109375" style="1" customWidth="1"/>
    <col min="10543" max="10543" width="1.6640625" style="1" customWidth="1"/>
    <col min="10544" max="10544" width="3.109375" style="1" customWidth="1"/>
    <col min="10545" max="10545" width="3.6640625" style="1" customWidth="1"/>
    <col min="10546" max="10546" width="3.109375" style="1" customWidth="1"/>
    <col min="10547" max="10547" width="2.6640625" style="1" customWidth="1"/>
    <col min="10548" max="10548" width="6.6640625" style="1" customWidth="1"/>
    <col min="10549" max="10549" width="2.6640625" style="1" customWidth="1"/>
    <col min="10550" max="10759" width="9" style="1"/>
    <col min="10760" max="10760" width="11.6640625" style="1" bestFit="1" customWidth="1"/>
    <col min="10761" max="10761" width="6.44140625" style="1" bestFit="1" customWidth="1"/>
    <col min="10762" max="10762" width="2.109375" style="1" customWidth="1"/>
    <col min="10763" max="10763" width="4.6640625" style="1" customWidth="1"/>
    <col min="10764" max="10765" width="2.109375" style="1" customWidth="1"/>
    <col min="10766" max="10766" width="5.6640625" style="1" customWidth="1"/>
    <col min="10767" max="10767" width="3.6640625" style="1" customWidth="1"/>
    <col min="10768" max="10768" width="5.6640625" style="1" customWidth="1"/>
    <col min="10769" max="10769" width="3.6640625" style="1" customWidth="1"/>
    <col min="10770" max="10770" width="3.44140625" style="1" bestFit="1" customWidth="1"/>
    <col min="10771" max="10771" width="3.6640625" style="1" customWidth="1"/>
    <col min="10772" max="10772" width="3.44140625" style="1" bestFit="1" customWidth="1"/>
    <col min="10773" max="10773" width="3.6640625" style="1" customWidth="1"/>
    <col min="10774" max="10774" width="3.44140625" style="1" bestFit="1" customWidth="1"/>
    <col min="10775" max="10775" width="5.109375" style="1" customWidth="1"/>
    <col min="10776" max="10776" width="2.109375" style="1" customWidth="1"/>
    <col min="10777" max="10777" width="3.6640625" style="1" customWidth="1"/>
    <col min="10778" max="10778" width="2.88671875" style="1" customWidth="1"/>
    <col min="10779" max="10779" width="8.6640625" style="1" customWidth="1"/>
    <col min="10780" max="10780" width="2.88671875" style="1" customWidth="1"/>
    <col min="10781" max="10781" width="1.6640625" style="1" customWidth="1"/>
    <col min="10782" max="10782" width="10.33203125" style="1" customWidth="1"/>
    <col min="10783" max="10783" width="5.6640625" style="1" customWidth="1"/>
    <col min="10784" max="10784" width="2.109375" style="1" customWidth="1"/>
    <col min="10785" max="10785" width="1.88671875" style="1" customWidth="1"/>
    <col min="10786" max="10786" width="2.109375" style="1" customWidth="1"/>
    <col min="10787" max="10787" width="3.109375" style="1" customWidth="1"/>
    <col min="10788" max="10789" width="3.6640625" style="1" customWidth="1"/>
    <col min="10790" max="10790" width="5.109375" style="1" customWidth="1"/>
    <col min="10791" max="10791" width="8.88671875" style="1" customWidth="1"/>
    <col min="10792" max="10792" width="2.6640625" style="1" customWidth="1"/>
    <col min="10793" max="10795" width="2.109375" style="1" customWidth="1"/>
    <col min="10796" max="10796" width="5.6640625" style="1" customWidth="1"/>
    <col min="10797" max="10797" width="2.109375" style="1" customWidth="1"/>
    <col min="10798" max="10798" width="15.109375" style="1" customWidth="1"/>
    <col min="10799" max="10799" width="1.6640625" style="1" customWidth="1"/>
    <col min="10800" max="10800" width="3.109375" style="1" customWidth="1"/>
    <col min="10801" max="10801" width="3.6640625" style="1" customWidth="1"/>
    <col min="10802" max="10802" width="3.109375" style="1" customWidth="1"/>
    <col min="10803" max="10803" width="2.6640625" style="1" customWidth="1"/>
    <col min="10804" max="10804" width="6.6640625" style="1" customWidth="1"/>
    <col min="10805" max="10805" width="2.6640625" style="1" customWidth="1"/>
    <col min="10806" max="11015" width="9" style="1"/>
    <col min="11016" max="11016" width="11.6640625" style="1" bestFit="1" customWidth="1"/>
    <col min="11017" max="11017" width="6.44140625" style="1" bestFit="1" customWidth="1"/>
    <col min="11018" max="11018" width="2.109375" style="1" customWidth="1"/>
    <col min="11019" max="11019" width="4.6640625" style="1" customWidth="1"/>
    <col min="11020" max="11021" width="2.109375" style="1" customWidth="1"/>
    <col min="11022" max="11022" width="5.6640625" style="1" customWidth="1"/>
    <col min="11023" max="11023" width="3.6640625" style="1" customWidth="1"/>
    <col min="11024" max="11024" width="5.6640625" style="1" customWidth="1"/>
    <col min="11025" max="11025" width="3.6640625" style="1" customWidth="1"/>
    <col min="11026" max="11026" width="3.44140625" style="1" bestFit="1" customWidth="1"/>
    <col min="11027" max="11027" width="3.6640625" style="1" customWidth="1"/>
    <col min="11028" max="11028" width="3.44140625" style="1" bestFit="1" customWidth="1"/>
    <col min="11029" max="11029" width="3.6640625" style="1" customWidth="1"/>
    <col min="11030" max="11030" width="3.44140625" style="1" bestFit="1" customWidth="1"/>
    <col min="11031" max="11031" width="5.109375" style="1" customWidth="1"/>
    <col min="11032" max="11032" width="2.109375" style="1" customWidth="1"/>
    <col min="11033" max="11033" width="3.6640625" style="1" customWidth="1"/>
    <col min="11034" max="11034" width="2.88671875" style="1" customWidth="1"/>
    <col min="11035" max="11035" width="8.6640625" style="1" customWidth="1"/>
    <col min="11036" max="11036" width="2.88671875" style="1" customWidth="1"/>
    <col min="11037" max="11037" width="1.6640625" style="1" customWidth="1"/>
    <col min="11038" max="11038" width="10.33203125" style="1" customWidth="1"/>
    <col min="11039" max="11039" width="5.6640625" style="1" customWidth="1"/>
    <col min="11040" max="11040" width="2.109375" style="1" customWidth="1"/>
    <col min="11041" max="11041" width="1.88671875" style="1" customWidth="1"/>
    <col min="11042" max="11042" width="2.109375" style="1" customWidth="1"/>
    <col min="11043" max="11043" width="3.109375" style="1" customWidth="1"/>
    <col min="11044" max="11045" width="3.6640625" style="1" customWidth="1"/>
    <col min="11046" max="11046" width="5.109375" style="1" customWidth="1"/>
    <col min="11047" max="11047" width="8.88671875" style="1" customWidth="1"/>
    <col min="11048" max="11048" width="2.6640625" style="1" customWidth="1"/>
    <col min="11049" max="11051" width="2.109375" style="1" customWidth="1"/>
    <col min="11052" max="11052" width="5.6640625" style="1" customWidth="1"/>
    <col min="11053" max="11053" width="2.109375" style="1" customWidth="1"/>
    <col min="11054" max="11054" width="15.109375" style="1" customWidth="1"/>
    <col min="11055" max="11055" width="1.6640625" style="1" customWidth="1"/>
    <col min="11056" max="11056" width="3.109375" style="1" customWidth="1"/>
    <col min="11057" max="11057" width="3.6640625" style="1" customWidth="1"/>
    <col min="11058" max="11058" width="3.109375" style="1" customWidth="1"/>
    <col min="11059" max="11059" width="2.6640625" style="1" customWidth="1"/>
    <col min="11060" max="11060" width="6.6640625" style="1" customWidth="1"/>
    <col min="11061" max="11061" width="2.6640625" style="1" customWidth="1"/>
    <col min="11062" max="11271" width="9" style="1"/>
    <col min="11272" max="11272" width="11.6640625" style="1" bestFit="1" customWidth="1"/>
    <col min="11273" max="11273" width="6.44140625" style="1" bestFit="1" customWidth="1"/>
    <col min="11274" max="11274" width="2.109375" style="1" customWidth="1"/>
    <col min="11275" max="11275" width="4.6640625" style="1" customWidth="1"/>
    <col min="11276" max="11277" width="2.109375" style="1" customWidth="1"/>
    <col min="11278" max="11278" width="5.6640625" style="1" customWidth="1"/>
    <col min="11279" max="11279" width="3.6640625" style="1" customWidth="1"/>
    <col min="11280" max="11280" width="5.6640625" style="1" customWidth="1"/>
    <col min="11281" max="11281" width="3.6640625" style="1" customWidth="1"/>
    <col min="11282" max="11282" width="3.44140625" style="1" bestFit="1" customWidth="1"/>
    <col min="11283" max="11283" width="3.6640625" style="1" customWidth="1"/>
    <col min="11284" max="11284" width="3.44140625" style="1" bestFit="1" customWidth="1"/>
    <col min="11285" max="11285" width="3.6640625" style="1" customWidth="1"/>
    <col min="11286" max="11286" width="3.44140625" style="1" bestFit="1" customWidth="1"/>
    <col min="11287" max="11287" width="5.109375" style="1" customWidth="1"/>
    <col min="11288" max="11288" width="2.109375" style="1" customWidth="1"/>
    <col min="11289" max="11289" width="3.6640625" style="1" customWidth="1"/>
    <col min="11290" max="11290" width="2.88671875" style="1" customWidth="1"/>
    <col min="11291" max="11291" width="8.6640625" style="1" customWidth="1"/>
    <col min="11292" max="11292" width="2.88671875" style="1" customWidth="1"/>
    <col min="11293" max="11293" width="1.6640625" style="1" customWidth="1"/>
    <col min="11294" max="11294" width="10.33203125" style="1" customWidth="1"/>
    <col min="11295" max="11295" width="5.6640625" style="1" customWidth="1"/>
    <col min="11296" max="11296" width="2.109375" style="1" customWidth="1"/>
    <col min="11297" max="11297" width="1.88671875" style="1" customWidth="1"/>
    <col min="11298" max="11298" width="2.109375" style="1" customWidth="1"/>
    <col min="11299" max="11299" width="3.109375" style="1" customWidth="1"/>
    <col min="11300" max="11301" width="3.6640625" style="1" customWidth="1"/>
    <col min="11302" max="11302" width="5.109375" style="1" customWidth="1"/>
    <col min="11303" max="11303" width="8.88671875" style="1" customWidth="1"/>
    <col min="11304" max="11304" width="2.6640625" style="1" customWidth="1"/>
    <col min="11305" max="11307" width="2.109375" style="1" customWidth="1"/>
    <col min="11308" max="11308" width="5.6640625" style="1" customWidth="1"/>
    <col min="11309" max="11309" width="2.109375" style="1" customWidth="1"/>
    <col min="11310" max="11310" width="15.109375" style="1" customWidth="1"/>
    <col min="11311" max="11311" width="1.6640625" style="1" customWidth="1"/>
    <col min="11312" max="11312" width="3.109375" style="1" customWidth="1"/>
    <col min="11313" max="11313" width="3.6640625" style="1" customWidth="1"/>
    <col min="11314" max="11314" width="3.109375" style="1" customWidth="1"/>
    <col min="11315" max="11315" width="2.6640625" style="1" customWidth="1"/>
    <col min="11316" max="11316" width="6.6640625" style="1" customWidth="1"/>
    <col min="11317" max="11317" width="2.6640625" style="1" customWidth="1"/>
    <col min="11318" max="11527" width="9" style="1"/>
    <col min="11528" max="11528" width="11.6640625" style="1" bestFit="1" customWidth="1"/>
    <col min="11529" max="11529" width="6.44140625" style="1" bestFit="1" customWidth="1"/>
    <col min="11530" max="11530" width="2.109375" style="1" customWidth="1"/>
    <col min="11531" max="11531" width="4.6640625" style="1" customWidth="1"/>
    <col min="11532" max="11533" width="2.109375" style="1" customWidth="1"/>
    <col min="11534" max="11534" width="5.6640625" style="1" customWidth="1"/>
    <col min="11535" max="11535" width="3.6640625" style="1" customWidth="1"/>
    <col min="11536" max="11536" width="5.6640625" style="1" customWidth="1"/>
    <col min="11537" max="11537" width="3.6640625" style="1" customWidth="1"/>
    <col min="11538" max="11538" width="3.44140625" style="1" bestFit="1" customWidth="1"/>
    <col min="11539" max="11539" width="3.6640625" style="1" customWidth="1"/>
    <col min="11540" max="11540" width="3.44140625" style="1" bestFit="1" customWidth="1"/>
    <col min="11541" max="11541" width="3.6640625" style="1" customWidth="1"/>
    <col min="11542" max="11542" width="3.44140625" style="1" bestFit="1" customWidth="1"/>
    <col min="11543" max="11543" width="5.109375" style="1" customWidth="1"/>
    <col min="11544" max="11544" width="2.109375" style="1" customWidth="1"/>
    <col min="11545" max="11545" width="3.6640625" style="1" customWidth="1"/>
    <col min="11546" max="11546" width="2.88671875" style="1" customWidth="1"/>
    <col min="11547" max="11547" width="8.6640625" style="1" customWidth="1"/>
    <col min="11548" max="11548" width="2.88671875" style="1" customWidth="1"/>
    <col min="11549" max="11549" width="1.6640625" style="1" customWidth="1"/>
    <col min="11550" max="11550" width="10.33203125" style="1" customWidth="1"/>
    <col min="11551" max="11551" width="5.6640625" style="1" customWidth="1"/>
    <col min="11552" max="11552" width="2.109375" style="1" customWidth="1"/>
    <col min="11553" max="11553" width="1.88671875" style="1" customWidth="1"/>
    <col min="11554" max="11554" width="2.109375" style="1" customWidth="1"/>
    <col min="11555" max="11555" width="3.109375" style="1" customWidth="1"/>
    <col min="11556" max="11557" width="3.6640625" style="1" customWidth="1"/>
    <col min="11558" max="11558" width="5.109375" style="1" customWidth="1"/>
    <col min="11559" max="11559" width="8.88671875" style="1" customWidth="1"/>
    <col min="11560" max="11560" width="2.6640625" style="1" customWidth="1"/>
    <col min="11561" max="11563" width="2.109375" style="1" customWidth="1"/>
    <col min="11564" max="11564" width="5.6640625" style="1" customWidth="1"/>
    <col min="11565" max="11565" width="2.109375" style="1" customWidth="1"/>
    <col min="11566" max="11566" width="15.109375" style="1" customWidth="1"/>
    <col min="11567" max="11567" width="1.6640625" style="1" customWidth="1"/>
    <col min="11568" max="11568" width="3.109375" style="1" customWidth="1"/>
    <col min="11569" max="11569" width="3.6640625" style="1" customWidth="1"/>
    <col min="11570" max="11570" width="3.109375" style="1" customWidth="1"/>
    <col min="11571" max="11571" width="2.6640625" style="1" customWidth="1"/>
    <col min="11572" max="11572" width="6.6640625" style="1" customWidth="1"/>
    <col min="11573" max="11573" width="2.6640625" style="1" customWidth="1"/>
    <col min="11574" max="11783" width="9" style="1"/>
    <col min="11784" max="11784" width="11.6640625" style="1" bestFit="1" customWidth="1"/>
    <col min="11785" max="11785" width="6.44140625" style="1" bestFit="1" customWidth="1"/>
    <col min="11786" max="11786" width="2.109375" style="1" customWidth="1"/>
    <col min="11787" max="11787" width="4.6640625" style="1" customWidth="1"/>
    <col min="11788" max="11789" width="2.109375" style="1" customWidth="1"/>
    <col min="11790" max="11790" width="5.6640625" style="1" customWidth="1"/>
    <col min="11791" max="11791" width="3.6640625" style="1" customWidth="1"/>
    <col min="11792" max="11792" width="5.6640625" style="1" customWidth="1"/>
    <col min="11793" max="11793" width="3.6640625" style="1" customWidth="1"/>
    <col min="11794" max="11794" width="3.44140625" style="1" bestFit="1" customWidth="1"/>
    <col min="11795" max="11795" width="3.6640625" style="1" customWidth="1"/>
    <col min="11796" max="11796" width="3.44140625" style="1" bestFit="1" customWidth="1"/>
    <col min="11797" max="11797" width="3.6640625" style="1" customWidth="1"/>
    <col min="11798" max="11798" width="3.44140625" style="1" bestFit="1" customWidth="1"/>
    <col min="11799" max="11799" width="5.109375" style="1" customWidth="1"/>
    <col min="11800" max="11800" width="2.109375" style="1" customWidth="1"/>
    <col min="11801" max="11801" width="3.6640625" style="1" customWidth="1"/>
    <col min="11802" max="11802" width="2.88671875" style="1" customWidth="1"/>
    <col min="11803" max="11803" width="8.6640625" style="1" customWidth="1"/>
    <col min="11804" max="11804" width="2.88671875" style="1" customWidth="1"/>
    <col min="11805" max="11805" width="1.6640625" style="1" customWidth="1"/>
    <col min="11806" max="11806" width="10.33203125" style="1" customWidth="1"/>
    <col min="11807" max="11807" width="5.6640625" style="1" customWidth="1"/>
    <col min="11808" max="11808" width="2.109375" style="1" customWidth="1"/>
    <col min="11809" max="11809" width="1.88671875" style="1" customWidth="1"/>
    <col min="11810" max="11810" width="2.109375" style="1" customWidth="1"/>
    <col min="11811" max="11811" width="3.109375" style="1" customWidth="1"/>
    <col min="11812" max="11813" width="3.6640625" style="1" customWidth="1"/>
    <col min="11814" max="11814" width="5.109375" style="1" customWidth="1"/>
    <col min="11815" max="11815" width="8.88671875" style="1" customWidth="1"/>
    <col min="11816" max="11816" width="2.6640625" style="1" customWidth="1"/>
    <col min="11817" max="11819" width="2.109375" style="1" customWidth="1"/>
    <col min="11820" max="11820" width="5.6640625" style="1" customWidth="1"/>
    <col min="11821" max="11821" width="2.109375" style="1" customWidth="1"/>
    <col min="11822" max="11822" width="15.109375" style="1" customWidth="1"/>
    <col min="11823" max="11823" width="1.6640625" style="1" customWidth="1"/>
    <col min="11824" max="11824" width="3.109375" style="1" customWidth="1"/>
    <col min="11825" max="11825" width="3.6640625" style="1" customWidth="1"/>
    <col min="11826" max="11826" width="3.109375" style="1" customWidth="1"/>
    <col min="11827" max="11827" width="2.6640625" style="1" customWidth="1"/>
    <col min="11828" max="11828" width="6.6640625" style="1" customWidth="1"/>
    <col min="11829" max="11829" width="2.6640625" style="1" customWidth="1"/>
    <col min="11830" max="12039" width="9" style="1"/>
    <col min="12040" max="12040" width="11.6640625" style="1" bestFit="1" customWidth="1"/>
    <col min="12041" max="12041" width="6.44140625" style="1" bestFit="1" customWidth="1"/>
    <col min="12042" max="12042" width="2.109375" style="1" customWidth="1"/>
    <col min="12043" max="12043" width="4.6640625" style="1" customWidth="1"/>
    <col min="12044" max="12045" width="2.109375" style="1" customWidth="1"/>
    <col min="12046" max="12046" width="5.6640625" style="1" customWidth="1"/>
    <col min="12047" max="12047" width="3.6640625" style="1" customWidth="1"/>
    <col min="12048" max="12048" width="5.6640625" style="1" customWidth="1"/>
    <col min="12049" max="12049" width="3.6640625" style="1" customWidth="1"/>
    <col min="12050" max="12050" width="3.44140625" style="1" bestFit="1" customWidth="1"/>
    <col min="12051" max="12051" width="3.6640625" style="1" customWidth="1"/>
    <col min="12052" max="12052" width="3.44140625" style="1" bestFit="1" customWidth="1"/>
    <col min="12053" max="12053" width="3.6640625" style="1" customWidth="1"/>
    <col min="12054" max="12054" width="3.44140625" style="1" bestFit="1" customWidth="1"/>
    <col min="12055" max="12055" width="5.109375" style="1" customWidth="1"/>
    <col min="12056" max="12056" width="2.109375" style="1" customWidth="1"/>
    <col min="12057" max="12057" width="3.6640625" style="1" customWidth="1"/>
    <col min="12058" max="12058" width="2.88671875" style="1" customWidth="1"/>
    <col min="12059" max="12059" width="8.6640625" style="1" customWidth="1"/>
    <col min="12060" max="12060" width="2.88671875" style="1" customWidth="1"/>
    <col min="12061" max="12061" width="1.6640625" style="1" customWidth="1"/>
    <col min="12062" max="12062" width="10.33203125" style="1" customWidth="1"/>
    <col min="12063" max="12063" width="5.6640625" style="1" customWidth="1"/>
    <col min="12064" max="12064" width="2.109375" style="1" customWidth="1"/>
    <col min="12065" max="12065" width="1.88671875" style="1" customWidth="1"/>
    <col min="12066" max="12066" width="2.109375" style="1" customWidth="1"/>
    <col min="12067" max="12067" width="3.109375" style="1" customWidth="1"/>
    <col min="12068" max="12069" width="3.6640625" style="1" customWidth="1"/>
    <col min="12070" max="12070" width="5.109375" style="1" customWidth="1"/>
    <col min="12071" max="12071" width="8.88671875" style="1" customWidth="1"/>
    <col min="12072" max="12072" width="2.6640625" style="1" customWidth="1"/>
    <col min="12073" max="12075" width="2.109375" style="1" customWidth="1"/>
    <col min="12076" max="12076" width="5.6640625" style="1" customWidth="1"/>
    <col min="12077" max="12077" width="2.109375" style="1" customWidth="1"/>
    <col min="12078" max="12078" width="15.109375" style="1" customWidth="1"/>
    <col min="12079" max="12079" width="1.6640625" style="1" customWidth="1"/>
    <col min="12080" max="12080" width="3.109375" style="1" customWidth="1"/>
    <col min="12081" max="12081" width="3.6640625" style="1" customWidth="1"/>
    <col min="12082" max="12082" width="3.109375" style="1" customWidth="1"/>
    <col min="12083" max="12083" width="2.6640625" style="1" customWidth="1"/>
    <col min="12084" max="12084" width="6.6640625" style="1" customWidth="1"/>
    <col min="12085" max="12085" width="2.6640625" style="1" customWidth="1"/>
    <col min="12086" max="12295" width="9" style="1"/>
    <col min="12296" max="12296" width="11.6640625" style="1" bestFit="1" customWidth="1"/>
    <col min="12297" max="12297" width="6.44140625" style="1" bestFit="1" customWidth="1"/>
    <col min="12298" max="12298" width="2.109375" style="1" customWidth="1"/>
    <col min="12299" max="12299" width="4.6640625" style="1" customWidth="1"/>
    <col min="12300" max="12301" width="2.109375" style="1" customWidth="1"/>
    <col min="12302" max="12302" width="5.6640625" style="1" customWidth="1"/>
    <col min="12303" max="12303" width="3.6640625" style="1" customWidth="1"/>
    <col min="12304" max="12304" width="5.6640625" style="1" customWidth="1"/>
    <col min="12305" max="12305" width="3.6640625" style="1" customWidth="1"/>
    <col min="12306" max="12306" width="3.44140625" style="1" bestFit="1" customWidth="1"/>
    <col min="12307" max="12307" width="3.6640625" style="1" customWidth="1"/>
    <col min="12308" max="12308" width="3.44140625" style="1" bestFit="1" customWidth="1"/>
    <col min="12309" max="12309" width="3.6640625" style="1" customWidth="1"/>
    <col min="12310" max="12310" width="3.44140625" style="1" bestFit="1" customWidth="1"/>
    <col min="12311" max="12311" width="5.109375" style="1" customWidth="1"/>
    <col min="12312" max="12312" width="2.109375" style="1" customWidth="1"/>
    <col min="12313" max="12313" width="3.6640625" style="1" customWidth="1"/>
    <col min="12314" max="12314" width="2.88671875" style="1" customWidth="1"/>
    <col min="12315" max="12315" width="8.6640625" style="1" customWidth="1"/>
    <col min="12316" max="12316" width="2.88671875" style="1" customWidth="1"/>
    <col min="12317" max="12317" width="1.6640625" style="1" customWidth="1"/>
    <col min="12318" max="12318" width="10.33203125" style="1" customWidth="1"/>
    <col min="12319" max="12319" width="5.6640625" style="1" customWidth="1"/>
    <col min="12320" max="12320" width="2.109375" style="1" customWidth="1"/>
    <col min="12321" max="12321" width="1.88671875" style="1" customWidth="1"/>
    <col min="12322" max="12322" width="2.109375" style="1" customWidth="1"/>
    <col min="12323" max="12323" width="3.109375" style="1" customWidth="1"/>
    <col min="12324" max="12325" width="3.6640625" style="1" customWidth="1"/>
    <col min="12326" max="12326" width="5.109375" style="1" customWidth="1"/>
    <col min="12327" max="12327" width="8.88671875" style="1" customWidth="1"/>
    <col min="12328" max="12328" width="2.6640625" style="1" customWidth="1"/>
    <col min="12329" max="12331" width="2.109375" style="1" customWidth="1"/>
    <col min="12332" max="12332" width="5.6640625" style="1" customWidth="1"/>
    <col min="12333" max="12333" width="2.109375" style="1" customWidth="1"/>
    <col min="12334" max="12334" width="15.109375" style="1" customWidth="1"/>
    <col min="12335" max="12335" width="1.6640625" style="1" customWidth="1"/>
    <col min="12336" max="12336" width="3.109375" style="1" customWidth="1"/>
    <col min="12337" max="12337" width="3.6640625" style="1" customWidth="1"/>
    <col min="12338" max="12338" width="3.109375" style="1" customWidth="1"/>
    <col min="12339" max="12339" width="2.6640625" style="1" customWidth="1"/>
    <col min="12340" max="12340" width="6.6640625" style="1" customWidth="1"/>
    <col min="12341" max="12341" width="2.6640625" style="1" customWidth="1"/>
    <col min="12342" max="12551" width="9" style="1"/>
    <col min="12552" max="12552" width="11.6640625" style="1" bestFit="1" customWidth="1"/>
    <col min="12553" max="12553" width="6.44140625" style="1" bestFit="1" customWidth="1"/>
    <col min="12554" max="12554" width="2.109375" style="1" customWidth="1"/>
    <col min="12555" max="12555" width="4.6640625" style="1" customWidth="1"/>
    <col min="12556" max="12557" width="2.109375" style="1" customWidth="1"/>
    <col min="12558" max="12558" width="5.6640625" style="1" customWidth="1"/>
    <col min="12559" max="12559" width="3.6640625" style="1" customWidth="1"/>
    <col min="12560" max="12560" width="5.6640625" style="1" customWidth="1"/>
    <col min="12561" max="12561" width="3.6640625" style="1" customWidth="1"/>
    <col min="12562" max="12562" width="3.44140625" style="1" bestFit="1" customWidth="1"/>
    <col min="12563" max="12563" width="3.6640625" style="1" customWidth="1"/>
    <col min="12564" max="12564" width="3.44140625" style="1" bestFit="1" customWidth="1"/>
    <col min="12565" max="12565" width="3.6640625" style="1" customWidth="1"/>
    <col min="12566" max="12566" width="3.44140625" style="1" bestFit="1" customWidth="1"/>
    <col min="12567" max="12567" width="5.109375" style="1" customWidth="1"/>
    <col min="12568" max="12568" width="2.109375" style="1" customWidth="1"/>
    <col min="12569" max="12569" width="3.6640625" style="1" customWidth="1"/>
    <col min="12570" max="12570" width="2.88671875" style="1" customWidth="1"/>
    <col min="12571" max="12571" width="8.6640625" style="1" customWidth="1"/>
    <col min="12572" max="12572" width="2.88671875" style="1" customWidth="1"/>
    <col min="12573" max="12573" width="1.6640625" style="1" customWidth="1"/>
    <col min="12574" max="12574" width="10.33203125" style="1" customWidth="1"/>
    <col min="12575" max="12575" width="5.6640625" style="1" customWidth="1"/>
    <col min="12576" max="12576" width="2.109375" style="1" customWidth="1"/>
    <col min="12577" max="12577" width="1.88671875" style="1" customWidth="1"/>
    <col min="12578" max="12578" width="2.109375" style="1" customWidth="1"/>
    <col min="12579" max="12579" width="3.109375" style="1" customWidth="1"/>
    <col min="12580" max="12581" width="3.6640625" style="1" customWidth="1"/>
    <col min="12582" max="12582" width="5.109375" style="1" customWidth="1"/>
    <col min="12583" max="12583" width="8.88671875" style="1" customWidth="1"/>
    <col min="12584" max="12584" width="2.6640625" style="1" customWidth="1"/>
    <col min="12585" max="12587" width="2.109375" style="1" customWidth="1"/>
    <col min="12588" max="12588" width="5.6640625" style="1" customWidth="1"/>
    <col min="12589" max="12589" width="2.109375" style="1" customWidth="1"/>
    <col min="12590" max="12590" width="15.109375" style="1" customWidth="1"/>
    <col min="12591" max="12591" width="1.6640625" style="1" customWidth="1"/>
    <col min="12592" max="12592" width="3.109375" style="1" customWidth="1"/>
    <col min="12593" max="12593" width="3.6640625" style="1" customWidth="1"/>
    <col min="12594" max="12594" width="3.109375" style="1" customWidth="1"/>
    <col min="12595" max="12595" width="2.6640625" style="1" customWidth="1"/>
    <col min="12596" max="12596" width="6.6640625" style="1" customWidth="1"/>
    <col min="12597" max="12597" width="2.6640625" style="1" customWidth="1"/>
    <col min="12598" max="12807" width="9" style="1"/>
    <col min="12808" max="12808" width="11.6640625" style="1" bestFit="1" customWidth="1"/>
    <col min="12809" max="12809" width="6.44140625" style="1" bestFit="1" customWidth="1"/>
    <col min="12810" max="12810" width="2.109375" style="1" customWidth="1"/>
    <col min="12811" max="12811" width="4.6640625" style="1" customWidth="1"/>
    <col min="12812" max="12813" width="2.109375" style="1" customWidth="1"/>
    <col min="12814" max="12814" width="5.6640625" style="1" customWidth="1"/>
    <col min="12815" max="12815" width="3.6640625" style="1" customWidth="1"/>
    <col min="12816" max="12816" width="5.6640625" style="1" customWidth="1"/>
    <col min="12817" max="12817" width="3.6640625" style="1" customWidth="1"/>
    <col min="12818" max="12818" width="3.44140625" style="1" bestFit="1" customWidth="1"/>
    <col min="12819" max="12819" width="3.6640625" style="1" customWidth="1"/>
    <col min="12820" max="12820" width="3.44140625" style="1" bestFit="1" customWidth="1"/>
    <col min="12821" max="12821" width="3.6640625" style="1" customWidth="1"/>
    <col min="12822" max="12822" width="3.44140625" style="1" bestFit="1" customWidth="1"/>
    <col min="12823" max="12823" width="5.109375" style="1" customWidth="1"/>
    <col min="12824" max="12824" width="2.109375" style="1" customWidth="1"/>
    <col min="12825" max="12825" width="3.6640625" style="1" customWidth="1"/>
    <col min="12826" max="12826" width="2.88671875" style="1" customWidth="1"/>
    <col min="12827" max="12827" width="8.6640625" style="1" customWidth="1"/>
    <col min="12828" max="12828" width="2.88671875" style="1" customWidth="1"/>
    <col min="12829" max="12829" width="1.6640625" style="1" customWidth="1"/>
    <col min="12830" max="12830" width="10.33203125" style="1" customWidth="1"/>
    <col min="12831" max="12831" width="5.6640625" style="1" customWidth="1"/>
    <col min="12832" max="12832" width="2.109375" style="1" customWidth="1"/>
    <col min="12833" max="12833" width="1.88671875" style="1" customWidth="1"/>
    <col min="12834" max="12834" width="2.109375" style="1" customWidth="1"/>
    <col min="12835" max="12835" width="3.109375" style="1" customWidth="1"/>
    <col min="12836" max="12837" width="3.6640625" style="1" customWidth="1"/>
    <col min="12838" max="12838" width="5.109375" style="1" customWidth="1"/>
    <col min="12839" max="12839" width="8.88671875" style="1" customWidth="1"/>
    <col min="12840" max="12840" width="2.6640625" style="1" customWidth="1"/>
    <col min="12841" max="12843" width="2.109375" style="1" customWidth="1"/>
    <col min="12844" max="12844" width="5.6640625" style="1" customWidth="1"/>
    <col min="12845" max="12845" width="2.109375" style="1" customWidth="1"/>
    <col min="12846" max="12846" width="15.109375" style="1" customWidth="1"/>
    <col min="12847" max="12847" width="1.6640625" style="1" customWidth="1"/>
    <col min="12848" max="12848" width="3.109375" style="1" customWidth="1"/>
    <col min="12849" max="12849" width="3.6640625" style="1" customWidth="1"/>
    <col min="12850" max="12850" width="3.109375" style="1" customWidth="1"/>
    <col min="12851" max="12851" width="2.6640625" style="1" customWidth="1"/>
    <col min="12852" max="12852" width="6.6640625" style="1" customWidth="1"/>
    <col min="12853" max="12853" width="2.6640625" style="1" customWidth="1"/>
    <col min="12854" max="13063" width="9" style="1"/>
    <col min="13064" max="13064" width="11.6640625" style="1" bestFit="1" customWidth="1"/>
    <col min="13065" max="13065" width="6.44140625" style="1" bestFit="1" customWidth="1"/>
    <col min="13066" max="13066" width="2.109375" style="1" customWidth="1"/>
    <col min="13067" max="13067" width="4.6640625" style="1" customWidth="1"/>
    <col min="13068" max="13069" width="2.109375" style="1" customWidth="1"/>
    <col min="13070" max="13070" width="5.6640625" style="1" customWidth="1"/>
    <col min="13071" max="13071" width="3.6640625" style="1" customWidth="1"/>
    <col min="13072" max="13072" width="5.6640625" style="1" customWidth="1"/>
    <col min="13073" max="13073" width="3.6640625" style="1" customWidth="1"/>
    <col min="13074" max="13074" width="3.44140625" style="1" bestFit="1" customWidth="1"/>
    <col min="13075" max="13075" width="3.6640625" style="1" customWidth="1"/>
    <col min="13076" max="13076" width="3.44140625" style="1" bestFit="1" customWidth="1"/>
    <col min="13077" max="13077" width="3.6640625" style="1" customWidth="1"/>
    <col min="13078" max="13078" width="3.44140625" style="1" bestFit="1" customWidth="1"/>
    <col min="13079" max="13079" width="5.109375" style="1" customWidth="1"/>
    <col min="13080" max="13080" width="2.109375" style="1" customWidth="1"/>
    <col min="13081" max="13081" width="3.6640625" style="1" customWidth="1"/>
    <col min="13082" max="13082" width="2.88671875" style="1" customWidth="1"/>
    <col min="13083" max="13083" width="8.6640625" style="1" customWidth="1"/>
    <col min="13084" max="13084" width="2.88671875" style="1" customWidth="1"/>
    <col min="13085" max="13085" width="1.6640625" style="1" customWidth="1"/>
    <col min="13086" max="13086" width="10.33203125" style="1" customWidth="1"/>
    <col min="13087" max="13087" width="5.6640625" style="1" customWidth="1"/>
    <col min="13088" max="13088" width="2.109375" style="1" customWidth="1"/>
    <col min="13089" max="13089" width="1.88671875" style="1" customWidth="1"/>
    <col min="13090" max="13090" width="2.109375" style="1" customWidth="1"/>
    <col min="13091" max="13091" width="3.109375" style="1" customWidth="1"/>
    <col min="13092" max="13093" width="3.6640625" style="1" customWidth="1"/>
    <col min="13094" max="13094" width="5.109375" style="1" customWidth="1"/>
    <col min="13095" max="13095" width="8.88671875" style="1" customWidth="1"/>
    <col min="13096" max="13096" width="2.6640625" style="1" customWidth="1"/>
    <col min="13097" max="13099" width="2.109375" style="1" customWidth="1"/>
    <col min="13100" max="13100" width="5.6640625" style="1" customWidth="1"/>
    <col min="13101" max="13101" width="2.109375" style="1" customWidth="1"/>
    <col min="13102" max="13102" width="15.109375" style="1" customWidth="1"/>
    <col min="13103" max="13103" width="1.6640625" style="1" customWidth="1"/>
    <col min="13104" max="13104" width="3.109375" style="1" customWidth="1"/>
    <col min="13105" max="13105" width="3.6640625" style="1" customWidth="1"/>
    <col min="13106" max="13106" width="3.109375" style="1" customWidth="1"/>
    <col min="13107" max="13107" width="2.6640625" style="1" customWidth="1"/>
    <col min="13108" max="13108" width="6.6640625" style="1" customWidth="1"/>
    <col min="13109" max="13109" width="2.6640625" style="1" customWidth="1"/>
    <col min="13110" max="13319" width="9" style="1"/>
    <col min="13320" max="13320" width="11.6640625" style="1" bestFit="1" customWidth="1"/>
    <col min="13321" max="13321" width="6.44140625" style="1" bestFit="1" customWidth="1"/>
    <col min="13322" max="13322" width="2.109375" style="1" customWidth="1"/>
    <col min="13323" max="13323" width="4.6640625" style="1" customWidth="1"/>
    <col min="13324" max="13325" width="2.109375" style="1" customWidth="1"/>
    <col min="13326" max="13326" width="5.6640625" style="1" customWidth="1"/>
    <col min="13327" max="13327" width="3.6640625" style="1" customWidth="1"/>
    <col min="13328" max="13328" width="5.6640625" style="1" customWidth="1"/>
    <col min="13329" max="13329" width="3.6640625" style="1" customWidth="1"/>
    <col min="13330" max="13330" width="3.44140625" style="1" bestFit="1" customWidth="1"/>
    <col min="13331" max="13331" width="3.6640625" style="1" customWidth="1"/>
    <col min="13332" max="13332" width="3.44140625" style="1" bestFit="1" customWidth="1"/>
    <col min="13333" max="13333" width="3.6640625" style="1" customWidth="1"/>
    <col min="13334" max="13334" width="3.44140625" style="1" bestFit="1" customWidth="1"/>
    <col min="13335" max="13335" width="5.109375" style="1" customWidth="1"/>
    <col min="13336" max="13336" width="2.109375" style="1" customWidth="1"/>
    <col min="13337" max="13337" width="3.6640625" style="1" customWidth="1"/>
    <col min="13338" max="13338" width="2.88671875" style="1" customWidth="1"/>
    <col min="13339" max="13339" width="8.6640625" style="1" customWidth="1"/>
    <col min="13340" max="13340" width="2.88671875" style="1" customWidth="1"/>
    <col min="13341" max="13341" width="1.6640625" style="1" customWidth="1"/>
    <col min="13342" max="13342" width="10.33203125" style="1" customWidth="1"/>
    <col min="13343" max="13343" width="5.6640625" style="1" customWidth="1"/>
    <col min="13344" max="13344" width="2.109375" style="1" customWidth="1"/>
    <col min="13345" max="13345" width="1.88671875" style="1" customWidth="1"/>
    <col min="13346" max="13346" width="2.109375" style="1" customWidth="1"/>
    <col min="13347" max="13347" width="3.109375" style="1" customWidth="1"/>
    <col min="13348" max="13349" width="3.6640625" style="1" customWidth="1"/>
    <col min="13350" max="13350" width="5.109375" style="1" customWidth="1"/>
    <col min="13351" max="13351" width="8.88671875" style="1" customWidth="1"/>
    <col min="13352" max="13352" width="2.6640625" style="1" customWidth="1"/>
    <col min="13353" max="13355" width="2.109375" style="1" customWidth="1"/>
    <col min="13356" max="13356" width="5.6640625" style="1" customWidth="1"/>
    <col min="13357" max="13357" width="2.109375" style="1" customWidth="1"/>
    <col min="13358" max="13358" width="15.109375" style="1" customWidth="1"/>
    <col min="13359" max="13359" width="1.6640625" style="1" customWidth="1"/>
    <col min="13360" max="13360" width="3.109375" style="1" customWidth="1"/>
    <col min="13361" max="13361" width="3.6640625" style="1" customWidth="1"/>
    <col min="13362" max="13362" width="3.109375" style="1" customWidth="1"/>
    <col min="13363" max="13363" width="2.6640625" style="1" customWidth="1"/>
    <col min="13364" max="13364" width="6.6640625" style="1" customWidth="1"/>
    <col min="13365" max="13365" width="2.6640625" style="1" customWidth="1"/>
    <col min="13366" max="13575" width="9" style="1"/>
    <col min="13576" max="13576" width="11.6640625" style="1" bestFit="1" customWidth="1"/>
    <col min="13577" max="13577" width="6.44140625" style="1" bestFit="1" customWidth="1"/>
    <col min="13578" max="13578" width="2.109375" style="1" customWidth="1"/>
    <col min="13579" max="13579" width="4.6640625" style="1" customWidth="1"/>
    <col min="13580" max="13581" width="2.109375" style="1" customWidth="1"/>
    <col min="13582" max="13582" width="5.6640625" style="1" customWidth="1"/>
    <col min="13583" max="13583" width="3.6640625" style="1" customWidth="1"/>
    <col min="13584" max="13584" width="5.6640625" style="1" customWidth="1"/>
    <col min="13585" max="13585" width="3.6640625" style="1" customWidth="1"/>
    <col min="13586" max="13586" width="3.44140625" style="1" bestFit="1" customWidth="1"/>
    <col min="13587" max="13587" width="3.6640625" style="1" customWidth="1"/>
    <col min="13588" max="13588" width="3.44140625" style="1" bestFit="1" customWidth="1"/>
    <col min="13589" max="13589" width="3.6640625" style="1" customWidth="1"/>
    <col min="13590" max="13590" width="3.44140625" style="1" bestFit="1" customWidth="1"/>
    <col min="13591" max="13591" width="5.109375" style="1" customWidth="1"/>
    <col min="13592" max="13592" width="2.109375" style="1" customWidth="1"/>
    <col min="13593" max="13593" width="3.6640625" style="1" customWidth="1"/>
    <col min="13594" max="13594" width="2.88671875" style="1" customWidth="1"/>
    <col min="13595" max="13595" width="8.6640625" style="1" customWidth="1"/>
    <col min="13596" max="13596" width="2.88671875" style="1" customWidth="1"/>
    <col min="13597" max="13597" width="1.6640625" style="1" customWidth="1"/>
    <col min="13598" max="13598" width="10.33203125" style="1" customWidth="1"/>
    <col min="13599" max="13599" width="5.6640625" style="1" customWidth="1"/>
    <col min="13600" max="13600" width="2.109375" style="1" customWidth="1"/>
    <col min="13601" max="13601" width="1.88671875" style="1" customWidth="1"/>
    <col min="13602" max="13602" width="2.109375" style="1" customWidth="1"/>
    <col min="13603" max="13603" width="3.109375" style="1" customWidth="1"/>
    <col min="13604" max="13605" width="3.6640625" style="1" customWidth="1"/>
    <col min="13606" max="13606" width="5.109375" style="1" customWidth="1"/>
    <col min="13607" max="13607" width="8.88671875" style="1" customWidth="1"/>
    <col min="13608" max="13608" width="2.6640625" style="1" customWidth="1"/>
    <col min="13609" max="13611" width="2.109375" style="1" customWidth="1"/>
    <col min="13612" max="13612" width="5.6640625" style="1" customWidth="1"/>
    <col min="13613" max="13613" width="2.109375" style="1" customWidth="1"/>
    <col min="13614" max="13614" width="15.109375" style="1" customWidth="1"/>
    <col min="13615" max="13615" width="1.6640625" style="1" customWidth="1"/>
    <col min="13616" max="13616" width="3.109375" style="1" customWidth="1"/>
    <col min="13617" max="13617" width="3.6640625" style="1" customWidth="1"/>
    <col min="13618" max="13618" width="3.109375" style="1" customWidth="1"/>
    <col min="13619" max="13619" width="2.6640625" style="1" customWidth="1"/>
    <col min="13620" max="13620" width="6.6640625" style="1" customWidth="1"/>
    <col min="13621" max="13621" width="2.6640625" style="1" customWidth="1"/>
    <col min="13622" max="13831" width="9" style="1"/>
    <col min="13832" max="13832" width="11.6640625" style="1" bestFit="1" customWidth="1"/>
    <col min="13833" max="13833" width="6.44140625" style="1" bestFit="1" customWidth="1"/>
    <col min="13834" max="13834" width="2.109375" style="1" customWidth="1"/>
    <col min="13835" max="13835" width="4.6640625" style="1" customWidth="1"/>
    <col min="13836" max="13837" width="2.109375" style="1" customWidth="1"/>
    <col min="13838" max="13838" width="5.6640625" style="1" customWidth="1"/>
    <col min="13839" max="13839" width="3.6640625" style="1" customWidth="1"/>
    <col min="13840" max="13840" width="5.6640625" style="1" customWidth="1"/>
    <col min="13841" max="13841" width="3.6640625" style="1" customWidth="1"/>
    <col min="13842" max="13842" width="3.44140625" style="1" bestFit="1" customWidth="1"/>
    <col min="13843" max="13843" width="3.6640625" style="1" customWidth="1"/>
    <col min="13844" max="13844" width="3.44140625" style="1" bestFit="1" customWidth="1"/>
    <col min="13845" max="13845" width="3.6640625" style="1" customWidth="1"/>
    <col min="13846" max="13846" width="3.44140625" style="1" bestFit="1" customWidth="1"/>
    <col min="13847" max="13847" width="5.109375" style="1" customWidth="1"/>
    <col min="13848" max="13848" width="2.109375" style="1" customWidth="1"/>
    <col min="13849" max="13849" width="3.6640625" style="1" customWidth="1"/>
    <col min="13850" max="13850" width="2.88671875" style="1" customWidth="1"/>
    <col min="13851" max="13851" width="8.6640625" style="1" customWidth="1"/>
    <col min="13852" max="13852" width="2.88671875" style="1" customWidth="1"/>
    <col min="13853" max="13853" width="1.6640625" style="1" customWidth="1"/>
    <col min="13854" max="13854" width="10.33203125" style="1" customWidth="1"/>
    <col min="13855" max="13855" width="5.6640625" style="1" customWidth="1"/>
    <col min="13856" max="13856" width="2.109375" style="1" customWidth="1"/>
    <col min="13857" max="13857" width="1.88671875" style="1" customWidth="1"/>
    <col min="13858" max="13858" width="2.109375" style="1" customWidth="1"/>
    <col min="13859" max="13859" width="3.109375" style="1" customWidth="1"/>
    <col min="13860" max="13861" width="3.6640625" style="1" customWidth="1"/>
    <col min="13862" max="13862" width="5.109375" style="1" customWidth="1"/>
    <col min="13863" max="13863" width="8.88671875" style="1" customWidth="1"/>
    <col min="13864" max="13864" width="2.6640625" style="1" customWidth="1"/>
    <col min="13865" max="13867" width="2.109375" style="1" customWidth="1"/>
    <col min="13868" max="13868" width="5.6640625" style="1" customWidth="1"/>
    <col min="13869" max="13869" width="2.109375" style="1" customWidth="1"/>
    <col min="13870" max="13870" width="15.109375" style="1" customWidth="1"/>
    <col min="13871" max="13871" width="1.6640625" style="1" customWidth="1"/>
    <col min="13872" max="13872" width="3.109375" style="1" customWidth="1"/>
    <col min="13873" max="13873" width="3.6640625" style="1" customWidth="1"/>
    <col min="13874" max="13874" width="3.109375" style="1" customWidth="1"/>
    <col min="13875" max="13875" width="2.6640625" style="1" customWidth="1"/>
    <col min="13876" max="13876" width="6.6640625" style="1" customWidth="1"/>
    <col min="13877" max="13877" width="2.6640625" style="1" customWidth="1"/>
    <col min="13878" max="14087" width="9" style="1"/>
    <col min="14088" max="14088" width="11.6640625" style="1" bestFit="1" customWidth="1"/>
    <col min="14089" max="14089" width="6.44140625" style="1" bestFit="1" customWidth="1"/>
    <col min="14090" max="14090" width="2.109375" style="1" customWidth="1"/>
    <col min="14091" max="14091" width="4.6640625" style="1" customWidth="1"/>
    <col min="14092" max="14093" width="2.109375" style="1" customWidth="1"/>
    <col min="14094" max="14094" width="5.6640625" style="1" customWidth="1"/>
    <col min="14095" max="14095" width="3.6640625" style="1" customWidth="1"/>
    <col min="14096" max="14096" width="5.6640625" style="1" customWidth="1"/>
    <col min="14097" max="14097" width="3.6640625" style="1" customWidth="1"/>
    <col min="14098" max="14098" width="3.44140625" style="1" bestFit="1" customWidth="1"/>
    <col min="14099" max="14099" width="3.6640625" style="1" customWidth="1"/>
    <col min="14100" max="14100" width="3.44140625" style="1" bestFit="1" customWidth="1"/>
    <col min="14101" max="14101" width="3.6640625" style="1" customWidth="1"/>
    <col min="14102" max="14102" width="3.44140625" style="1" bestFit="1" customWidth="1"/>
    <col min="14103" max="14103" width="5.109375" style="1" customWidth="1"/>
    <col min="14104" max="14104" width="2.109375" style="1" customWidth="1"/>
    <col min="14105" max="14105" width="3.6640625" style="1" customWidth="1"/>
    <col min="14106" max="14106" width="2.88671875" style="1" customWidth="1"/>
    <col min="14107" max="14107" width="8.6640625" style="1" customWidth="1"/>
    <col min="14108" max="14108" width="2.88671875" style="1" customWidth="1"/>
    <col min="14109" max="14109" width="1.6640625" style="1" customWidth="1"/>
    <col min="14110" max="14110" width="10.33203125" style="1" customWidth="1"/>
    <col min="14111" max="14111" width="5.6640625" style="1" customWidth="1"/>
    <col min="14112" max="14112" width="2.109375" style="1" customWidth="1"/>
    <col min="14113" max="14113" width="1.88671875" style="1" customWidth="1"/>
    <col min="14114" max="14114" width="2.109375" style="1" customWidth="1"/>
    <col min="14115" max="14115" width="3.109375" style="1" customWidth="1"/>
    <col min="14116" max="14117" width="3.6640625" style="1" customWidth="1"/>
    <col min="14118" max="14118" width="5.109375" style="1" customWidth="1"/>
    <col min="14119" max="14119" width="8.88671875" style="1" customWidth="1"/>
    <col min="14120" max="14120" width="2.6640625" style="1" customWidth="1"/>
    <col min="14121" max="14123" width="2.109375" style="1" customWidth="1"/>
    <col min="14124" max="14124" width="5.6640625" style="1" customWidth="1"/>
    <col min="14125" max="14125" width="2.109375" style="1" customWidth="1"/>
    <col min="14126" max="14126" width="15.109375" style="1" customWidth="1"/>
    <col min="14127" max="14127" width="1.6640625" style="1" customWidth="1"/>
    <col min="14128" max="14128" width="3.109375" style="1" customWidth="1"/>
    <col min="14129" max="14129" width="3.6640625" style="1" customWidth="1"/>
    <col min="14130" max="14130" width="3.109375" style="1" customWidth="1"/>
    <col min="14131" max="14131" width="2.6640625" style="1" customWidth="1"/>
    <col min="14132" max="14132" width="6.6640625" style="1" customWidth="1"/>
    <col min="14133" max="14133" width="2.6640625" style="1" customWidth="1"/>
    <col min="14134" max="14343" width="9" style="1"/>
    <col min="14344" max="14344" width="11.6640625" style="1" bestFit="1" customWidth="1"/>
    <col min="14345" max="14345" width="6.44140625" style="1" bestFit="1" customWidth="1"/>
    <col min="14346" max="14346" width="2.109375" style="1" customWidth="1"/>
    <col min="14347" max="14347" width="4.6640625" style="1" customWidth="1"/>
    <col min="14348" max="14349" width="2.109375" style="1" customWidth="1"/>
    <col min="14350" max="14350" width="5.6640625" style="1" customWidth="1"/>
    <col min="14351" max="14351" width="3.6640625" style="1" customWidth="1"/>
    <col min="14352" max="14352" width="5.6640625" style="1" customWidth="1"/>
    <col min="14353" max="14353" width="3.6640625" style="1" customWidth="1"/>
    <col min="14354" max="14354" width="3.44140625" style="1" bestFit="1" customWidth="1"/>
    <col min="14355" max="14355" width="3.6640625" style="1" customWidth="1"/>
    <col min="14356" max="14356" width="3.44140625" style="1" bestFit="1" customWidth="1"/>
    <col min="14357" max="14357" width="3.6640625" style="1" customWidth="1"/>
    <col min="14358" max="14358" width="3.44140625" style="1" bestFit="1" customWidth="1"/>
    <col min="14359" max="14359" width="5.109375" style="1" customWidth="1"/>
    <col min="14360" max="14360" width="2.109375" style="1" customWidth="1"/>
    <col min="14361" max="14361" width="3.6640625" style="1" customWidth="1"/>
    <col min="14362" max="14362" width="2.88671875" style="1" customWidth="1"/>
    <col min="14363" max="14363" width="8.6640625" style="1" customWidth="1"/>
    <col min="14364" max="14364" width="2.88671875" style="1" customWidth="1"/>
    <col min="14365" max="14365" width="1.6640625" style="1" customWidth="1"/>
    <col min="14366" max="14366" width="10.33203125" style="1" customWidth="1"/>
    <col min="14367" max="14367" width="5.6640625" style="1" customWidth="1"/>
    <col min="14368" max="14368" width="2.109375" style="1" customWidth="1"/>
    <col min="14369" max="14369" width="1.88671875" style="1" customWidth="1"/>
    <col min="14370" max="14370" width="2.109375" style="1" customWidth="1"/>
    <col min="14371" max="14371" width="3.109375" style="1" customWidth="1"/>
    <col min="14372" max="14373" width="3.6640625" style="1" customWidth="1"/>
    <col min="14374" max="14374" width="5.109375" style="1" customWidth="1"/>
    <col min="14375" max="14375" width="8.88671875" style="1" customWidth="1"/>
    <col min="14376" max="14376" width="2.6640625" style="1" customWidth="1"/>
    <col min="14377" max="14379" width="2.109375" style="1" customWidth="1"/>
    <col min="14380" max="14380" width="5.6640625" style="1" customWidth="1"/>
    <col min="14381" max="14381" width="2.109375" style="1" customWidth="1"/>
    <col min="14382" max="14382" width="15.109375" style="1" customWidth="1"/>
    <col min="14383" max="14383" width="1.6640625" style="1" customWidth="1"/>
    <col min="14384" max="14384" width="3.109375" style="1" customWidth="1"/>
    <col min="14385" max="14385" width="3.6640625" style="1" customWidth="1"/>
    <col min="14386" max="14386" width="3.109375" style="1" customWidth="1"/>
    <col min="14387" max="14387" width="2.6640625" style="1" customWidth="1"/>
    <col min="14388" max="14388" width="6.6640625" style="1" customWidth="1"/>
    <col min="14389" max="14389" width="2.6640625" style="1" customWidth="1"/>
    <col min="14390" max="14599" width="9" style="1"/>
    <col min="14600" max="14600" width="11.6640625" style="1" bestFit="1" customWidth="1"/>
    <col min="14601" max="14601" width="6.44140625" style="1" bestFit="1" customWidth="1"/>
    <col min="14602" max="14602" width="2.109375" style="1" customWidth="1"/>
    <col min="14603" max="14603" width="4.6640625" style="1" customWidth="1"/>
    <col min="14604" max="14605" width="2.109375" style="1" customWidth="1"/>
    <col min="14606" max="14606" width="5.6640625" style="1" customWidth="1"/>
    <col min="14607" max="14607" width="3.6640625" style="1" customWidth="1"/>
    <col min="14608" max="14608" width="5.6640625" style="1" customWidth="1"/>
    <col min="14609" max="14609" width="3.6640625" style="1" customWidth="1"/>
    <col min="14610" max="14610" width="3.44140625" style="1" bestFit="1" customWidth="1"/>
    <col min="14611" max="14611" width="3.6640625" style="1" customWidth="1"/>
    <col min="14612" max="14612" width="3.44140625" style="1" bestFit="1" customWidth="1"/>
    <col min="14613" max="14613" width="3.6640625" style="1" customWidth="1"/>
    <col min="14614" max="14614" width="3.44140625" style="1" bestFit="1" customWidth="1"/>
    <col min="14615" max="14615" width="5.109375" style="1" customWidth="1"/>
    <col min="14616" max="14616" width="2.109375" style="1" customWidth="1"/>
    <col min="14617" max="14617" width="3.6640625" style="1" customWidth="1"/>
    <col min="14618" max="14618" width="2.88671875" style="1" customWidth="1"/>
    <col min="14619" max="14619" width="8.6640625" style="1" customWidth="1"/>
    <col min="14620" max="14620" width="2.88671875" style="1" customWidth="1"/>
    <col min="14621" max="14621" width="1.6640625" style="1" customWidth="1"/>
    <col min="14622" max="14622" width="10.33203125" style="1" customWidth="1"/>
    <col min="14623" max="14623" width="5.6640625" style="1" customWidth="1"/>
    <col min="14624" max="14624" width="2.109375" style="1" customWidth="1"/>
    <col min="14625" max="14625" width="1.88671875" style="1" customWidth="1"/>
    <col min="14626" max="14626" width="2.109375" style="1" customWidth="1"/>
    <col min="14627" max="14627" width="3.109375" style="1" customWidth="1"/>
    <col min="14628" max="14629" width="3.6640625" style="1" customWidth="1"/>
    <col min="14630" max="14630" width="5.109375" style="1" customWidth="1"/>
    <col min="14631" max="14631" width="8.88671875" style="1" customWidth="1"/>
    <col min="14632" max="14632" width="2.6640625" style="1" customWidth="1"/>
    <col min="14633" max="14635" width="2.109375" style="1" customWidth="1"/>
    <col min="14636" max="14636" width="5.6640625" style="1" customWidth="1"/>
    <col min="14637" max="14637" width="2.109375" style="1" customWidth="1"/>
    <col min="14638" max="14638" width="15.109375" style="1" customWidth="1"/>
    <col min="14639" max="14639" width="1.6640625" style="1" customWidth="1"/>
    <col min="14640" max="14640" width="3.109375" style="1" customWidth="1"/>
    <col min="14641" max="14641" width="3.6640625" style="1" customWidth="1"/>
    <col min="14642" max="14642" width="3.109375" style="1" customWidth="1"/>
    <col min="14643" max="14643" width="2.6640625" style="1" customWidth="1"/>
    <col min="14644" max="14644" width="6.6640625" style="1" customWidth="1"/>
    <col min="14645" max="14645" width="2.6640625" style="1" customWidth="1"/>
    <col min="14646" max="14855" width="9" style="1"/>
    <col min="14856" max="14856" width="11.6640625" style="1" bestFit="1" customWidth="1"/>
    <col min="14857" max="14857" width="6.44140625" style="1" bestFit="1" customWidth="1"/>
    <col min="14858" max="14858" width="2.109375" style="1" customWidth="1"/>
    <col min="14859" max="14859" width="4.6640625" style="1" customWidth="1"/>
    <col min="14860" max="14861" width="2.109375" style="1" customWidth="1"/>
    <col min="14862" max="14862" width="5.6640625" style="1" customWidth="1"/>
    <col min="14863" max="14863" width="3.6640625" style="1" customWidth="1"/>
    <col min="14864" max="14864" width="5.6640625" style="1" customWidth="1"/>
    <col min="14865" max="14865" width="3.6640625" style="1" customWidth="1"/>
    <col min="14866" max="14866" width="3.44140625" style="1" bestFit="1" customWidth="1"/>
    <col min="14867" max="14867" width="3.6640625" style="1" customWidth="1"/>
    <col min="14868" max="14868" width="3.44140625" style="1" bestFit="1" customWidth="1"/>
    <col min="14869" max="14869" width="3.6640625" style="1" customWidth="1"/>
    <col min="14870" max="14870" width="3.44140625" style="1" bestFit="1" customWidth="1"/>
    <col min="14871" max="14871" width="5.109375" style="1" customWidth="1"/>
    <col min="14872" max="14872" width="2.109375" style="1" customWidth="1"/>
    <col min="14873" max="14873" width="3.6640625" style="1" customWidth="1"/>
    <col min="14874" max="14874" width="2.88671875" style="1" customWidth="1"/>
    <col min="14875" max="14875" width="8.6640625" style="1" customWidth="1"/>
    <col min="14876" max="14876" width="2.88671875" style="1" customWidth="1"/>
    <col min="14877" max="14877" width="1.6640625" style="1" customWidth="1"/>
    <col min="14878" max="14878" width="10.33203125" style="1" customWidth="1"/>
    <col min="14879" max="14879" width="5.6640625" style="1" customWidth="1"/>
    <col min="14880" max="14880" width="2.109375" style="1" customWidth="1"/>
    <col min="14881" max="14881" width="1.88671875" style="1" customWidth="1"/>
    <col min="14882" max="14882" width="2.109375" style="1" customWidth="1"/>
    <col min="14883" max="14883" width="3.109375" style="1" customWidth="1"/>
    <col min="14884" max="14885" width="3.6640625" style="1" customWidth="1"/>
    <col min="14886" max="14886" width="5.109375" style="1" customWidth="1"/>
    <col min="14887" max="14887" width="8.88671875" style="1" customWidth="1"/>
    <col min="14888" max="14888" width="2.6640625" style="1" customWidth="1"/>
    <col min="14889" max="14891" width="2.109375" style="1" customWidth="1"/>
    <col min="14892" max="14892" width="5.6640625" style="1" customWidth="1"/>
    <col min="14893" max="14893" width="2.109375" style="1" customWidth="1"/>
    <col min="14894" max="14894" width="15.109375" style="1" customWidth="1"/>
    <col min="14895" max="14895" width="1.6640625" style="1" customWidth="1"/>
    <col min="14896" max="14896" width="3.109375" style="1" customWidth="1"/>
    <col min="14897" max="14897" width="3.6640625" style="1" customWidth="1"/>
    <col min="14898" max="14898" width="3.109375" style="1" customWidth="1"/>
    <col min="14899" max="14899" width="2.6640625" style="1" customWidth="1"/>
    <col min="14900" max="14900" width="6.6640625" style="1" customWidth="1"/>
    <col min="14901" max="14901" width="2.6640625" style="1" customWidth="1"/>
    <col min="14902" max="15111" width="9" style="1"/>
    <col min="15112" max="15112" width="11.6640625" style="1" bestFit="1" customWidth="1"/>
    <col min="15113" max="15113" width="6.44140625" style="1" bestFit="1" customWidth="1"/>
    <col min="15114" max="15114" width="2.109375" style="1" customWidth="1"/>
    <col min="15115" max="15115" width="4.6640625" style="1" customWidth="1"/>
    <col min="15116" max="15117" width="2.109375" style="1" customWidth="1"/>
    <col min="15118" max="15118" width="5.6640625" style="1" customWidth="1"/>
    <col min="15119" max="15119" width="3.6640625" style="1" customWidth="1"/>
    <col min="15120" max="15120" width="5.6640625" style="1" customWidth="1"/>
    <col min="15121" max="15121" width="3.6640625" style="1" customWidth="1"/>
    <col min="15122" max="15122" width="3.44140625" style="1" bestFit="1" customWidth="1"/>
    <col min="15123" max="15123" width="3.6640625" style="1" customWidth="1"/>
    <col min="15124" max="15124" width="3.44140625" style="1" bestFit="1" customWidth="1"/>
    <col min="15125" max="15125" width="3.6640625" style="1" customWidth="1"/>
    <col min="15126" max="15126" width="3.44140625" style="1" bestFit="1" customWidth="1"/>
    <col min="15127" max="15127" width="5.109375" style="1" customWidth="1"/>
    <col min="15128" max="15128" width="2.109375" style="1" customWidth="1"/>
    <col min="15129" max="15129" width="3.6640625" style="1" customWidth="1"/>
    <col min="15130" max="15130" width="2.88671875" style="1" customWidth="1"/>
    <col min="15131" max="15131" width="8.6640625" style="1" customWidth="1"/>
    <col min="15132" max="15132" width="2.88671875" style="1" customWidth="1"/>
    <col min="15133" max="15133" width="1.6640625" style="1" customWidth="1"/>
    <col min="15134" max="15134" width="10.33203125" style="1" customWidth="1"/>
    <col min="15135" max="15135" width="5.6640625" style="1" customWidth="1"/>
    <col min="15136" max="15136" width="2.109375" style="1" customWidth="1"/>
    <col min="15137" max="15137" width="1.88671875" style="1" customWidth="1"/>
    <col min="15138" max="15138" width="2.109375" style="1" customWidth="1"/>
    <col min="15139" max="15139" width="3.109375" style="1" customWidth="1"/>
    <col min="15140" max="15141" width="3.6640625" style="1" customWidth="1"/>
    <col min="15142" max="15142" width="5.109375" style="1" customWidth="1"/>
    <col min="15143" max="15143" width="8.88671875" style="1" customWidth="1"/>
    <col min="15144" max="15144" width="2.6640625" style="1" customWidth="1"/>
    <col min="15145" max="15147" width="2.109375" style="1" customWidth="1"/>
    <col min="15148" max="15148" width="5.6640625" style="1" customWidth="1"/>
    <col min="15149" max="15149" width="2.109375" style="1" customWidth="1"/>
    <col min="15150" max="15150" width="15.109375" style="1" customWidth="1"/>
    <col min="15151" max="15151" width="1.6640625" style="1" customWidth="1"/>
    <col min="15152" max="15152" width="3.109375" style="1" customWidth="1"/>
    <col min="15153" max="15153" width="3.6640625" style="1" customWidth="1"/>
    <col min="15154" max="15154" width="3.109375" style="1" customWidth="1"/>
    <col min="15155" max="15155" width="2.6640625" style="1" customWidth="1"/>
    <col min="15156" max="15156" width="6.6640625" style="1" customWidth="1"/>
    <col min="15157" max="15157" width="2.6640625" style="1" customWidth="1"/>
    <col min="15158" max="15367" width="9" style="1"/>
    <col min="15368" max="15368" width="11.6640625" style="1" bestFit="1" customWidth="1"/>
    <col min="15369" max="15369" width="6.44140625" style="1" bestFit="1" customWidth="1"/>
    <col min="15370" max="15370" width="2.109375" style="1" customWidth="1"/>
    <col min="15371" max="15371" width="4.6640625" style="1" customWidth="1"/>
    <col min="15372" max="15373" width="2.109375" style="1" customWidth="1"/>
    <col min="15374" max="15374" width="5.6640625" style="1" customWidth="1"/>
    <col min="15375" max="15375" width="3.6640625" style="1" customWidth="1"/>
    <col min="15376" max="15376" width="5.6640625" style="1" customWidth="1"/>
    <col min="15377" max="15377" width="3.6640625" style="1" customWidth="1"/>
    <col min="15378" max="15378" width="3.44140625" style="1" bestFit="1" customWidth="1"/>
    <col min="15379" max="15379" width="3.6640625" style="1" customWidth="1"/>
    <col min="15380" max="15380" width="3.44140625" style="1" bestFit="1" customWidth="1"/>
    <col min="15381" max="15381" width="3.6640625" style="1" customWidth="1"/>
    <col min="15382" max="15382" width="3.44140625" style="1" bestFit="1" customWidth="1"/>
    <col min="15383" max="15383" width="5.109375" style="1" customWidth="1"/>
    <col min="15384" max="15384" width="2.109375" style="1" customWidth="1"/>
    <col min="15385" max="15385" width="3.6640625" style="1" customWidth="1"/>
    <col min="15386" max="15386" width="2.88671875" style="1" customWidth="1"/>
    <col min="15387" max="15387" width="8.6640625" style="1" customWidth="1"/>
    <col min="15388" max="15388" width="2.88671875" style="1" customWidth="1"/>
    <col min="15389" max="15389" width="1.6640625" style="1" customWidth="1"/>
    <col min="15390" max="15390" width="10.33203125" style="1" customWidth="1"/>
    <col min="15391" max="15391" width="5.6640625" style="1" customWidth="1"/>
    <col min="15392" max="15392" width="2.109375" style="1" customWidth="1"/>
    <col min="15393" max="15393" width="1.88671875" style="1" customWidth="1"/>
    <col min="15394" max="15394" width="2.109375" style="1" customWidth="1"/>
    <col min="15395" max="15395" width="3.109375" style="1" customWidth="1"/>
    <col min="15396" max="15397" width="3.6640625" style="1" customWidth="1"/>
    <col min="15398" max="15398" width="5.109375" style="1" customWidth="1"/>
    <col min="15399" max="15399" width="8.88671875" style="1" customWidth="1"/>
    <col min="15400" max="15400" width="2.6640625" style="1" customWidth="1"/>
    <col min="15401" max="15403" width="2.109375" style="1" customWidth="1"/>
    <col min="15404" max="15404" width="5.6640625" style="1" customWidth="1"/>
    <col min="15405" max="15405" width="2.109375" style="1" customWidth="1"/>
    <col min="15406" max="15406" width="15.109375" style="1" customWidth="1"/>
    <col min="15407" max="15407" width="1.6640625" style="1" customWidth="1"/>
    <col min="15408" max="15408" width="3.109375" style="1" customWidth="1"/>
    <col min="15409" max="15409" width="3.6640625" style="1" customWidth="1"/>
    <col min="15410" max="15410" width="3.109375" style="1" customWidth="1"/>
    <col min="15411" max="15411" width="2.6640625" style="1" customWidth="1"/>
    <col min="15412" max="15412" width="6.6640625" style="1" customWidth="1"/>
    <col min="15413" max="15413" width="2.6640625" style="1" customWidth="1"/>
    <col min="15414" max="15623" width="9" style="1"/>
    <col min="15624" max="15624" width="11.6640625" style="1" bestFit="1" customWidth="1"/>
    <col min="15625" max="15625" width="6.44140625" style="1" bestFit="1" customWidth="1"/>
    <col min="15626" max="15626" width="2.109375" style="1" customWidth="1"/>
    <col min="15627" max="15627" width="4.6640625" style="1" customWidth="1"/>
    <col min="15628" max="15629" width="2.109375" style="1" customWidth="1"/>
    <col min="15630" max="15630" width="5.6640625" style="1" customWidth="1"/>
    <col min="15631" max="15631" width="3.6640625" style="1" customWidth="1"/>
    <col min="15632" max="15632" width="5.6640625" style="1" customWidth="1"/>
    <col min="15633" max="15633" width="3.6640625" style="1" customWidth="1"/>
    <col min="15634" max="15634" width="3.44140625" style="1" bestFit="1" customWidth="1"/>
    <col min="15635" max="15635" width="3.6640625" style="1" customWidth="1"/>
    <col min="15636" max="15636" width="3.44140625" style="1" bestFit="1" customWidth="1"/>
    <col min="15637" max="15637" width="3.6640625" style="1" customWidth="1"/>
    <col min="15638" max="15638" width="3.44140625" style="1" bestFit="1" customWidth="1"/>
    <col min="15639" max="15639" width="5.109375" style="1" customWidth="1"/>
    <col min="15640" max="15640" width="2.109375" style="1" customWidth="1"/>
    <col min="15641" max="15641" width="3.6640625" style="1" customWidth="1"/>
    <col min="15642" max="15642" width="2.88671875" style="1" customWidth="1"/>
    <col min="15643" max="15643" width="8.6640625" style="1" customWidth="1"/>
    <col min="15644" max="15644" width="2.88671875" style="1" customWidth="1"/>
    <col min="15645" max="15645" width="1.6640625" style="1" customWidth="1"/>
    <col min="15646" max="15646" width="10.33203125" style="1" customWidth="1"/>
    <col min="15647" max="15647" width="5.6640625" style="1" customWidth="1"/>
    <col min="15648" max="15648" width="2.109375" style="1" customWidth="1"/>
    <col min="15649" max="15649" width="1.88671875" style="1" customWidth="1"/>
    <col min="15650" max="15650" width="2.109375" style="1" customWidth="1"/>
    <col min="15651" max="15651" width="3.109375" style="1" customWidth="1"/>
    <col min="15652" max="15653" width="3.6640625" style="1" customWidth="1"/>
    <col min="15654" max="15654" width="5.109375" style="1" customWidth="1"/>
    <col min="15655" max="15655" width="8.88671875" style="1" customWidth="1"/>
    <col min="15656" max="15656" width="2.6640625" style="1" customWidth="1"/>
    <col min="15657" max="15659" width="2.109375" style="1" customWidth="1"/>
    <col min="15660" max="15660" width="5.6640625" style="1" customWidth="1"/>
    <col min="15661" max="15661" width="2.109375" style="1" customWidth="1"/>
    <col min="15662" max="15662" width="15.109375" style="1" customWidth="1"/>
    <col min="15663" max="15663" width="1.6640625" style="1" customWidth="1"/>
    <col min="15664" max="15664" width="3.109375" style="1" customWidth="1"/>
    <col min="15665" max="15665" width="3.6640625" style="1" customWidth="1"/>
    <col min="15666" max="15666" width="3.109375" style="1" customWidth="1"/>
    <col min="15667" max="15667" width="2.6640625" style="1" customWidth="1"/>
    <col min="15668" max="15668" width="6.6640625" style="1" customWidth="1"/>
    <col min="15669" max="15669" width="2.6640625" style="1" customWidth="1"/>
    <col min="15670" max="15879" width="9" style="1"/>
    <col min="15880" max="15880" width="11.6640625" style="1" bestFit="1" customWidth="1"/>
    <col min="15881" max="15881" width="6.44140625" style="1" bestFit="1" customWidth="1"/>
    <col min="15882" max="15882" width="2.109375" style="1" customWidth="1"/>
    <col min="15883" max="15883" width="4.6640625" style="1" customWidth="1"/>
    <col min="15884" max="15885" width="2.109375" style="1" customWidth="1"/>
    <col min="15886" max="15886" width="5.6640625" style="1" customWidth="1"/>
    <col min="15887" max="15887" width="3.6640625" style="1" customWidth="1"/>
    <col min="15888" max="15888" width="5.6640625" style="1" customWidth="1"/>
    <col min="15889" max="15889" width="3.6640625" style="1" customWidth="1"/>
    <col min="15890" max="15890" width="3.44140625" style="1" bestFit="1" customWidth="1"/>
    <col min="15891" max="15891" width="3.6640625" style="1" customWidth="1"/>
    <col min="15892" max="15892" width="3.44140625" style="1" bestFit="1" customWidth="1"/>
    <col min="15893" max="15893" width="3.6640625" style="1" customWidth="1"/>
    <col min="15894" max="15894" width="3.44140625" style="1" bestFit="1" customWidth="1"/>
    <col min="15895" max="15895" width="5.109375" style="1" customWidth="1"/>
    <col min="15896" max="15896" width="2.109375" style="1" customWidth="1"/>
    <col min="15897" max="15897" width="3.6640625" style="1" customWidth="1"/>
    <col min="15898" max="15898" width="2.88671875" style="1" customWidth="1"/>
    <col min="15899" max="15899" width="8.6640625" style="1" customWidth="1"/>
    <col min="15900" max="15900" width="2.88671875" style="1" customWidth="1"/>
    <col min="15901" max="15901" width="1.6640625" style="1" customWidth="1"/>
    <col min="15902" max="15902" width="10.33203125" style="1" customWidth="1"/>
    <col min="15903" max="15903" width="5.6640625" style="1" customWidth="1"/>
    <col min="15904" max="15904" width="2.109375" style="1" customWidth="1"/>
    <col min="15905" max="15905" width="1.88671875" style="1" customWidth="1"/>
    <col min="15906" max="15906" width="2.109375" style="1" customWidth="1"/>
    <col min="15907" max="15907" width="3.109375" style="1" customWidth="1"/>
    <col min="15908" max="15909" width="3.6640625" style="1" customWidth="1"/>
    <col min="15910" max="15910" width="5.109375" style="1" customWidth="1"/>
    <col min="15911" max="15911" width="8.88671875" style="1" customWidth="1"/>
    <col min="15912" max="15912" width="2.6640625" style="1" customWidth="1"/>
    <col min="15913" max="15915" width="2.109375" style="1" customWidth="1"/>
    <col min="15916" max="15916" width="5.6640625" style="1" customWidth="1"/>
    <col min="15917" max="15917" width="2.109375" style="1" customWidth="1"/>
    <col min="15918" max="15918" width="15.109375" style="1" customWidth="1"/>
    <col min="15919" max="15919" width="1.6640625" style="1" customWidth="1"/>
    <col min="15920" max="15920" width="3.109375" style="1" customWidth="1"/>
    <col min="15921" max="15921" width="3.6640625" style="1" customWidth="1"/>
    <col min="15922" max="15922" width="3.109375" style="1" customWidth="1"/>
    <col min="15923" max="15923" width="2.6640625" style="1" customWidth="1"/>
    <col min="15924" max="15924" width="6.6640625" style="1" customWidth="1"/>
    <col min="15925" max="15925" width="2.6640625" style="1" customWidth="1"/>
    <col min="15926" max="16135" width="9" style="1"/>
    <col min="16136" max="16136" width="11.6640625" style="1" bestFit="1" customWidth="1"/>
    <col min="16137" max="16137" width="6.44140625" style="1" bestFit="1" customWidth="1"/>
    <col min="16138" max="16138" width="2.109375" style="1" customWidth="1"/>
    <col min="16139" max="16139" width="4.6640625" style="1" customWidth="1"/>
    <col min="16140" max="16141" width="2.109375" style="1" customWidth="1"/>
    <col min="16142" max="16142" width="5.6640625" style="1" customWidth="1"/>
    <col min="16143" max="16143" width="3.6640625" style="1" customWidth="1"/>
    <col min="16144" max="16144" width="5.6640625" style="1" customWidth="1"/>
    <col min="16145" max="16145" width="3.6640625" style="1" customWidth="1"/>
    <col min="16146" max="16146" width="3.44140625" style="1" bestFit="1" customWidth="1"/>
    <col min="16147" max="16147" width="3.6640625" style="1" customWidth="1"/>
    <col min="16148" max="16148" width="3.44140625" style="1" bestFit="1" customWidth="1"/>
    <col min="16149" max="16149" width="3.6640625" style="1" customWidth="1"/>
    <col min="16150" max="16150" width="3.44140625" style="1" bestFit="1" customWidth="1"/>
    <col min="16151" max="16151" width="5.109375" style="1" customWidth="1"/>
    <col min="16152" max="16152" width="2.109375" style="1" customWidth="1"/>
    <col min="16153" max="16153" width="3.6640625" style="1" customWidth="1"/>
    <col min="16154" max="16154" width="2.88671875" style="1" customWidth="1"/>
    <col min="16155" max="16155" width="8.6640625" style="1" customWidth="1"/>
    <col min="16156" max="16156" width="2.88671875" style="1" customWidth="1"/>
    <col min="16157" max="16157" width="1.6640625" style="1" customWidth="1"/>
    <col min="16158" max="16158" width="10.33203125" style="1" customWidth="1"/>
    <col min="16159" max="16159" width="5.6640625" style="1" customWidth="1"/>
    <col min="16160" max="16160" width="2.109375" style="1" customWidth="1"/>
    <col min="16161" max="16161" width="1.88671875" style="1" customWidth="1"/>
    <col min="16162" max="16162" width="2.109375" style="1" customWidth="1"/>
    <col min="16163" max="16163" width="3.109375" style="1" customWidth="1"/>
    <col min="16164" max="16165" width="3.6640625" style="1" customWidth="1"/>
    <col min="16166" max="16166" width="5.109375" style="1" customWidth="1"/>
    <col min="16167" max="16167" width="8.88671875" style="1" customWidth="1"/>
    <col min="16168" max="16168" width="2.6640625" style="1" customWidth="1"/>
    <col min="16169" max="16171" width="2.109375" style="1" customWidth="1"/>
    <col min="16172" max="16172" width="5.6640625" style="1" customWidth="1"/>
    <col min="16173" max="16173" width="2.109375" style="1" customWidth="1"/>
    <col min="16174" max="16174" width="15.109375" style="1" customWidth="1"/>
    <col min="16175" max="16175" width="1.6640625" style="1" customWidth="1"/>
    <col min="16176" max="16176" width="3.109375" style="1" customWidth="1"/>
    <col min="16177" max="16177" width="3.6640625" style="1" customWidth="1"/>
    <col min="16178" max="16178" width="3.109375" style="1" customWidth="1"/>
    <col min="16179" max="16179" width="2.6640625" style="1" customWidth="1"/>
    <col min="16180" max="16180" width="6.6640625" style="1" customWidth="1"/>
    <col min="16181" max="16181" width="2.6640625" style="1" customWidth="1"/>
    <col min="16182" max="16384" width="9" style="1"/>
  </cols>
  <sheetData>
    <row r="1" spans="1:54" ht="26.25" customHeight="1" thickBot="1" x14ac:dyDescent="0.25">
      <c r="D1" s="2" t="s">
        <v>113</v>
      </c>
    </row>
    <row r="2" spans="1:54" ht="18" customHeight="1" x14ac:dyDescent="0.2">
      <c r="A2" s="3"/>
      <c r="B2" s="3"/>
      <c r="C2" s="3"/>
      <c r="D2" s="182" t="s">
        <v>74</v>
      </c>
      <c r="E2" s="182"/>
      <c r="F2" s="182"/>
      <c r="G2" s="182"/>
      <c r="H2" s="182"/>
      <c r="I2" s="182"/>
      <c r="J2" s="182"/>
      <c r="K2" s="182"/>
      <c r="L2" s="182"/>
      <c r="M2" s="182"/>
      <c r="N2" s="182"/>
      <c r="O2" s="4"/>
      <c r="P2" s="4"/>
      <c r="Q2" s="4"/>
      <c r="R2" s="4"/>
      <c r="S2" s="4"/>
      <c r="T2" s="4"/>
      <c r="U2" s="3"/>
      <c r="V2" s="5"/>
      <c r="W2" s="6"/>
      <c r="X2" s="6"/>
      <c r="Y2" s="6"/>
      <c r="Z2" s="3"/>
      <c r="AA2" s="3"/>
      <c r="AB2" s="176" t="s">
        <v>36</v>
      </c>
      <c r="AC2" s="177"/>
      <c r="AD2" s="177"/>
      <c r="AE2" s="177"/>
      <c r="AF2" s="177"/>
      <c r="AG2" s="177"/>
      <c r="AH2" s="178"/>
      <c r="AI2" s="174" t="s">
        <v>57</v>
      </c>
      <c r="AJ2" s="174"/>
      <c r="AK2" s="174"/>
      <c r="AL2" s="174"/>
      <c r="AM2" s="174"/>
      <c r="AN2" s="174"/>
      <c r="AO2" s="174"/>
      <c r="AP2" s="174"/>
      <c r="AQ2" s="174"/>
      <c r="AR2" s="174"/>
      <c r="AS2" s="174"/>
      <c r="AT2" s="174"/>
      <c r="AU2" s="174"/>
      <c r="AV2" s="174"/>
      <c r="AW2" s="174"/>
      <c r="AX2" s="174"/>
      <c r="AY2" s="174"/>
      <c r="AZ2" s="174"/>
      <c r="BA2" s="175"/>
      <c r="BB2" s="3"/>
    </row>
    <row r="3" spans="1:54" ht="18" customHeight="1" thickBot="1" x14ac:dyDescent="0.25">
      <c r="A3" s="3"/>
      <c r="B3" s="3"/>
      <c r="C3" s="3"/>
      <c r="D3" s="182"/>
      <c r="E3" s="182"/>
      <c r="F3" s="182"/>
      <c r="G3" s="182"/>
      <c r="H3" s="182"/>
      <c r="I3" s="182"/>
      <c r="J3" s="182"/>
      <c r="K3" s="182"/>
      <c r="L3" s="182"/>
      <c r="M3" s="182"/>
      <c r="N3" s="182"/>
      <c r="O3" s="181" t="s">
        <v>112</v>
      </c>
      <c r="P3" s="181"/>
      <c r="Q3" s="181"/>
      <c r="R3" s="181"/>
      <c r="S3" s="181"/>
      <c r="T3" s="181"/>
      <c r="U3" s="3"/>
      <c r="V3" s="179" t="s">
        <v>3</v>
      </c>
      <c r="W3" s="180"/>
      <c r="X3" s="180"/>
      <c r="Y3" s="7"/>
      <c r="Z3" s="3"/>
      <c r="AA3" s="3"/>
      <c r="AB3" s="139" t="s">
        <v>70</v>
      </c>
      <c r="AC3" s="140"/>
      <c r="AD3" s="140"/>
      <c r="AE3" s="140"/>
      <c r="AF3" s="140"/>
      <c r="AG3" s="140"/>
      <c r="AH3" s="141"/>
      <c r="AI3" s="142"/>
      <c r="AJ3" s="142"/>
      <c r="AK3" s="142"/>
      <c r="AL3" s="142"/>
      <c r="AM3" s="142"/>
      <c r="AN3" s="142"/>
      <c r="AO3" s="142"/>
      <c r="AP3" s="142"/>
      <c r="AQ3" s="142"/>
      <c r="AR3" s="142"/>
      <c r="AS3" s="142"/>
      <c r="AT3" s="142"/>
      <c r="AU3" s="142"/>
      <c r="AV3" s="142"/>
      <c r="AW3" s="142"/>
      <c r="AX3" s="142"/>
      <c r="AY3" s="142"/>
      <c r="AZ3" s="142"/>
      <c r="BA3" s="143"/>
      <c r="BB3" s="3"/>
    </row>
    <row r="4" spans="1:54" ht="18.75" customHeight="1" thickBot="1" x14ac:dyDescent="0.25">
      <c r="A4" s="3"/>
      <c r="B4" s="274" t="s">
        <v>80</v>
      </c>
      <c r="C4" s="275"/>
      <c r="D4" s="275"/>
      <c r="E4" s="188" t="s">
        <v>150</v>
      </c>
      <c r="F4" s="188"/>
      <c r="G4" s="188"/>
      <c r="H4" s="188"/>
      <c r="I4" s="188"/>
      <c r="J4" s="188"/>
      <c r="K4" s="188"/>
      <c r="L4" s="188"/>
      <c r="M4" s="188"/>
      <c r="N4" s="188"/>
      <c r="O4" s="188"/>
      <c r="P4" s="188"/>
      <c r="Q4" s="188"/>
      <c r="R4" s="188"/>
      <c r="S4" s="188"/>
      <c r="T4" s="189"/>
      <c r="U4" s="3"/>
      <c r="V4" s="8" t="s">
        <v>24</v>
      </c>
      <c r="W4" s="9"/>
      <c r="X4" s="9"/>
      <c r="Y4" s="10"/>
      <c r="Z4" s="3"/>
      <c r="AA4" s="3"/>
      <c r="AB4" s="170"/>
      <c r="AC4" s="171"/>
      <c r="AD4" s="171" t="s">
        <v>95</v>
      </c>
      <c r="AE4" s="171"/>
      <c r="AF4" s="171"/>
      <c r="AG4" s="171"/>
      <c r="AH4" s="49" t="s">
        <v>37</v>
      </c>
      <c r="AI4" s="142"/>
      <c r="AJ4" s="142"/>
      <c r="AK4" s="142"/>
      <c r="AL4" s="142"/>
      <c r="AM4" s="142"/>
      <c r="AN4" s="142"/>
      <c r="AO4" s="142"/>
      <c r="AP4" s="142"/>
      <c r="AQ4" s="142"/>
      <c r="AR4" s="142"/>
      <c r="AS4" s="142"/>
      <c r="AT4" s="142"/>
      <c r="AU4" s="142"/>
      <c r="AV4" s="142"/>
      <c r="AW4" s="142"/>
      <c r="AX4" s="142"/>
      <c r="AY4" s="142"/>
      <c r="AZ4" s="142"/>
      <c r="BA4" s="143"/>
      <c r="BB4" s="3"/>
    </row>
    <row r="5" spans="1:54" ht="18.75" customHeight="1" x14ac:dyDescent="0.2">
      <c r="A5" s="3"/>
      <c r="B5" s="272" t="s">
        <v>79</v>
      </c>
      <c r="C5" s="273"/>
      <c r="D5" s="273"/>
      <c r="E5" s="186"/>
      <c r="F5" s="186"/>
      <c r="G5" s="186"/>
      <c r="H5" s="186"/>
      <c r="I5" s="186"/>
      <c r="J5" s="186"/>
      <c r="K5" s="186"/>
      <c r="L5" s="186"/>
      <c r="M5" s="186"/>
      <c r="N5" s="186"/>
      <c r="O5" s="186"/>
      <c r="P5" s="186"/>
      <c r="Q5" s="187"/>
      <c r="R5" s="183" t="s">
        <v>90</v>
      </c>
      <c r="S5" s="184"/>
      <c r="T5" s="185"/>
      <c r="U5" s="3"/>
      <c r="V5" s="11"/>
      <c r="W5" s="12"/>
      <c r="X5" s="12" t="s">
        <v>9</v>
      </c>
      <c r="Y5" s="13"/>
      <c r="Z5" s="3"/>
      <c r="AA5" s="3"/>
      <c r="AB5" s="139" t="s">
        <v>70</v>
      </c>
      <c r="AC5" s="140"/>
      <c r="AD5" s="140"/>
      <c r="AE5" s="140"/>
      <c r="AF5" s="140"/>
      <c r="AG5" s="140"/>
      <c r="AH5" s="141"/>
      <c r="AI5" s="142"/>
      <c r="AJ5" s="142"/>
      <c r="AK5" s="142"/>
      <c r="AL5" s="142"/>
      <c r="AM5" s="142"/>
      <c r="AN5" s="142"/>
      <c r="AO5" s="142"/>
      <c r="AP5" s="142"/>
      <c r="AQ5" s="142"/>
      <c r="AR5" s="142"/>
      <c r="AS5" s="142"/>
      <c r="AT5" s="142"/>
      <c r="AU5" s="142"/>
      <c r="AV5" s="142"/>
      <c r="AW5" s="142"/>
      <c r="AX5" s="142"/>
      <c r="AY5" s="142"/>
      <c r="AZ5" s="142"/>
      <c r="BA5" s="143"/>
      <c r="BB5" s="3"/>
    </row>
    <row r="6" spans="1:54" ht="18.75" customHeight="1" x14ac:dyDescent="0.2">
      <c r="A6" s="3"/>
      <c r="B6" s="261" t="s">
        <v>2</v>
      </c>
      <c r="C6" s="262"/>
      <c r="D6" s="262"/>
      <c r="E6" s="288"/>
      <c r="F6" s="288"/>
      <c r="G6" s="288"/>
      <c r="H6" s="288"/>
      <c r="I6" s="288"/>
      <c r="J6" s="288"/>
      <c r="K6" s="288"/>
      <c r="L6" s="288"/>
      <c r="M6" s="288"/>
      <c r="N6" s="288"/>
      <c r="O6" s="288"/>
      <c r="P6" s="288"/>
      <c r="Q6" s="289"/>
      <c r="R6" s="282"/>
      <c r="S6" s="283"/>
      <c r="T6" s="284"/>
      <c r="U6" s="3"/>
      <c r="V6" s="8" t="s">
        <v>25</v>
      </c>
      <c r="W6" s="9"/>
      <c r="X6" s="9"/>
      <c r="Y6" s="10"/>
      <c r="Z6" s="3"/>
      <c r="AA6" s="3"/>
      <c r="AB6" s="170"/>
      <c r="AC6" s="171"/>
      <c r="AD6" s="171" t="s">
        <v>95</v>
      </c>
      <c r="AE6" s="171"/>
      <c r="AF6" s="171"/>
      <c r="AG6" s="171"/>
      <c r="AH6" s="49" t="s">
        <v>37</v>
      </c>
      <c r="AI6" s="142"/>
      <c r="AJ6" s="142"/>
      <c r="AK6" s="142"/>
      <c r="AL6" s="142"/>
      <c r="AM6" s="142"/>
      <c r="AN6" s="142"/>
      <c r="AO6" s="142"/>
      <c r="AP6" s="142"/>
      <c r="AQ6" s="142"/>
      <c r="AR6" s="142"/>
      <c r="AS6" s="142"/>
      <c r="AT6" s="142"/>
      <c r="AU6" s="142"/>
      <c r="AV6" s="142"/>
      <c r="AW6" s="142"/>
      <c r="AX6" s="142"/>
      <c r="AY6" s="142"/>
      <c r="AZ6" s="142"/>
      <c r="BA6" s="143"/>
      <c r="BB6" s="3"/>
    </row>
    <row r="7" spans="1:54" ht="18.75" customHeight="1" x14ac:dyDescent="0.2">
      <c r="A7" s="3"/>
      <c r="B7" s="276"/>
      <c r="C7" s="235"/>
      <c r="D7" s="235"/>
      <c r="E7" s="290"/>
      <c r="F7" s="290"/>
      <c r="G7" s="290"/>
      <c r="H7" s="290"/>
      <c r="I7" s="290"/>
      <c r="J7" s="290"/>
      <c r="K7" s="290"/>
      <c r="L7" s="290"/>
      <c r="M7" s="290"/>
      <c r="N7" s="290"/>
      <c r="O7" s="290"/>
      <c r="P7" s="290"/>
      <c r="Q7" s="291"/>
      <c r="R7" s="285"/>
      <c r="S7" s="286"/>
      <c r="T7" s="287"/>
      <c r="U7" s="3"/>
      <c r="V7" s="8" t="s">
        <v>26</v>
      </c>
      <c r="W7" s="9"/>
      <c r="X7" s="9"/>
      <c r="Y7" s="10"/>
      <c r="Z7" s="3"/>
      <c r="AA7" s="3"/>
      <c r="AB7" s="139" t="s">
        <v>70</v>
      </c>
      <c r="AC7" s="140"/>
      <c r="AD7" s="140"/>
      <c r="AE7" s="140"/>
      <c r="AF7" s="140"/>
      <c r="AG7" s="140"/>
      <c r="AH7" s="141"/>
      <c r="AI7" s="142"/>
      <c r="AJ7" s="142"/>
      <c r="AK7" s="142"/>
      <c r="AL7" s="142"/>
      <c r="AM7" s="142"/>
      <c r="AN7" s="142"/>
      <c r="AO7" s="142"/>
      <c r="AP7" s="142"/>
      <c r="AQ7" s="142"/>
      <c r="AR7" s="142"/>
      <c r="AS7" s="142"/>
      <c r="AT7" s="142"/>
      <c r="AU7" s="142"/>
      <c r="AV7" s="142"/>
      <c r="AW7" s="142"/>
      <c r="AX7" s="142"/>
      <c r="AY7" s="142"/>
      <c r="AZ7" s="142"/>
      <c r="BA7" s="143"/>
      <c r="BB7" s="3"/>
    </row>
    <row r="8" spans="1:54" ht="18.75" customHeight="1" thickBot="1" x14ac:dyDescent="0.25">
      <c r="A8" s="3"/>
      <c r="B8" s="276"/>
      <c r="C8" s="235"/>
      <c r="D8" s="235"/>
      <c r="E8" s="102" t="s">
        <v>47</v>
      </c>
      <c r="F8" s="104"/>
      <c r="G8" s="104"/>
      <c r="H8" s="104"/>
      <c r="I8" s="104"/>
      <c r="J8" s="104"/>
      <c r="K8" s="104"/>
      <c r="L8" s="104"/>
      <c r="M8" s="104"/>
      <c r="N8" s="104"/>
      <c r="O8" s="104"/>
      <c r="P8" s="104"/>
      <c r="Q8" s="105"/>
      <c r="R8" s="285"/>
      <c r="S8" s="286"/>
      <c r="T8" s="287"/>
      <c r="U8" s="3"/>
      <c r="V8" s="8" t="s">
        <v>6</v>
      </c>
      <c r="W8" s="9"/>
      <c r="X8" s="9"/>
      <c r="Y8" s="10"/>
      <c r="Z8" s="3"/>
      <c r="AA8" s="3"/>
      <c r="AB8" s="170"/>
      <c r="AC8" s="171"/>
      <c r="AD8" s="171" t="s">
        <v>95</v>
      </c>
      <c r="AE8" s="171"/>
      <c r="AF8" s="171"/>
      <c r="AG8" s="171"/>
      <c r="AH8" s="49" t="s">
        <v>37</v>
      </c>
      <c r="AI8" s="142"/>
      <c r="AJ8" s="142"/>
      <c r="AK8" s="142"/>
      <c r="AL8" s="142"/>
      <c r="AM8" s="142"/>
      <c r="AN8" s="142"/>
      <c r="AO8" s="142"/>
      <c r="AP8" s="142"/>
      <c r="AQ8" s="142"/>
      <c r="AR8" s="142"/>
      <c r="AS8" s="142"/>
      <c r="AT8" s="142"/>
      <c r="AU8" s="142"/>
      <c r="AV8" s="142"/>
      <c r="AW8" s="142"/>
      <c r="AX8" s="142"/>
      <c r="AY8" s="142"/>
      <c r="AZ8" s="142"/>
      <c r="BA8" s="143"/>
      <c r="BB8" s="3"/>
    </row>
    <row r="9" spans="1:54" ht="18.75" customHeight="1" x14ac:dyDescent="0.2">
      <c r="A9" s="3"/>
      <c r="B9" s="144" t="s">
        <v>92</v>
      </c>
      <c r="C9" s="145"/>
      <c r="D9" s="145"/>
      <c r="E9" s="190" t="s">
        <v>86</v>
      </c>
      <c r="F9" s="17"/>
      <c r="G9" s="17"/>
      <c r="H9" s="17"/>
      <c r="I9" s="17"/>
      <c r="J9" s="17"/>
      <c r="K9" s="17"/>
      <c r="L9" s="17"/>
      <c r="M9" s="17"/>
      <c r="N9" s="17"/>
      <c r="O9" s="17"/>
      <c r="P9" s="17"/>
      <c r="Q9" s="17"/>
      <c r="R9" s="17"/>
      <c r="S9" s="17"/>
      <c r="T9" s="18"/>
      <c r="U9" s="3"/>
      <c r="V9" s="19"/>
      <c r="W9" s="20"/>
      <c r="X9" s="20"/>
      <c r="Y9" s="21"/>
      <c r="Z9" s="3"/>
      <c r="AA9" s="3"/>
      <c r="AB9" s="139" t="s">
        <v>70</v>
      </c>
      <c r="AC9" s="140"/>
      <c r="AD9" s="140"/>
      <c r="AE9" s="140"/>
      <c r="AF9" s="140"/>
      <c r="AG9" s="140"/>
      <c r="AH9" s="141"/>
      <c r="AI9" s="142"/>
      <c r="AJ9" s="142"/>
      <c r="AK9" s="142"/>
      <c r="AL9" s="142"/>
      <c r="AM9" s="142"/>
      <c r="AN9" s="142"/>
      <c r="AO9" s="142"/>
      <c r="AP9" s="142"/>
      <c r="AQ9" s="142"/>
      <c r="AR9" s="142"/>
      <c r="AS9" s="142"/>
      <c r="AT9" s="142"/>
      <c r="AU9" s="142"/>
      <c r="AV9" s="142"/>
      <c r="AW9" s="142"/>
      <c r="AX9" s="142"/>
      <c r="AY9" s="142"/>
      <c r="AZ9" s="142"/>
      <c r="BA9" s="143"/>
      <c r="BB9" s="3"/>
    </row>
    <row r="10" spans="1:54" ht="18.75" customHeight="1" thickBot="1" x14ac:dyDescent="0.25">
      <c r="A10" s="3"/>
      <c r="B10" s="277"/>
      <c r="C10" s="258"/>
      <c r="D10" s="258"/>
      <c r="E10" s="191"/>
      <c r="F10" s="39"/>
      <c r="G10" s="39"/>
      <c r="H10" s="39" t="s">
        <v>0</v>
      </c>
      <c r="I10" s="39"/>
      <c r="J10" s="39"/>
      <c r="K10" s="39" t="s">
        <v>1</v>
      </c>
      <c r="L10" s="39"/>
      <c r="M10" s="33" t="s">
        <v>83</v>
      </c>
      <c r="N10" s="33"/>
      <c r="O10" s="221" t="s">
        <v>4</v>
      </c>
      <c r="P10" s="221"/>
      <c r="Q10" s="173"/>
      <c r="R10" s="173"/>
      <c r="S10" s="173"/>
      <c r="T10" s="106" t="s">
        <v>5</v>
      </c>
      <c r="U10" s="3"/>
      <c r="V10" s="192"/>
      <c r="W10" s="192"/>
      <c r="X10" s="192"/>
      <c r="Y10" s="192"/>
      <c r="Z10" s="3"/>
      <c r="AA10" s="3"/>
      <c r="AB10" s="170"/>
      <c r="AC10" s="171"/>
      <c r="AD10" s="171" t="s">
        <v>95</v>
      </c>
      <c r="AE10" s="171"/>
      <c r="AF10" s="171"/>
      <c r="AG10" s="171"/>
      <c r="AH10" s="49" t="s">
        <v>37</v>
      </c>
      <c r="AI10" s="142"/>
      <c r="AJ10" s="142"/>
      <c r="AK10" s="142"/>
      <c r="AL10" s="142"/>
      <c r="AM10" s="142"/>
      <c r="AN10" s="142"/>
      <c r="AO10" s="142"/>
      <c r="AP10" s="142"/>
      <c r="AQ10" s="142"/>
      <c r="AR10" s="142"/>
      <c r="AS10" s="142"/>
      <c r="AT10" s="142"/>
      <c r="AU10" s="142"/>
      <c r="AV10" s="142"/>
      <c r="AW10" s="142"/>
      <c r="AX10" s="142"/>
      <c r="AY10" s="142"/>
      <c r="AZ10" s="142"/>
      <c r="BA10" s="143"/>
      <c r="BB10" s="3"/>
    </row>
    <row r="11" spans="1:54" ht="18.75" customHeight="1" x14ac:dyDescent="0.2">
      <c r="A11" s="3"/>
      <c r="B11" s="272" t="s">
        <v>79</v>
      </c>
      <c r="C11" s="273"/>
      <c r="D11" s="273"/>
      <c r="E11" s="292"/>
      <c r="F11" s="292"/>
      <c r="G11" s="292"/>
      <c r="H11" s="292"/>
      <c r="I11" s="292"/>
      <c r="J11" s="292"/>
      <c r="K11" s="292"/>
      <c r="L11" s="292"/>
      <c r="M11" s="292"/>
      <c r="N11" s="292"/>
      <c r="O11" s="292"/>
      <c r="P11" s="292"/>
      <c r="Q11" s="292"/>
      <c r="R11" s="292"/>
      <c r="S11" s="292"/>
      <c r="T11" s="293"/>
      <c r="U11" s="23" t="s">
        <v>7</v>
      </c>
      <c r="V11" s="22"/>
      <c r="W11" s="24" t="s">
        <v>16</v>
      </c>
      <c r="X11" s="94"/>
      <c r="Y11" s="24" t="s">
        <v>17</v>
      </c>
      <c r="Z11" s="25"/>
      <c r="AA11" s="3"/>
      <c r="AB11" s="139" t="s">
        <v>70</v>
      </c>
      <c r="AC11" s="140"/>
      <c r="AD11" s="140"/>
      <c r="AE11" s="140"/>
      <c r="AF11" s="140"/>
      <c r="AG11" s="140"/>
      <c r="AH11" s="141"/>
      <c r="AI11" s="142"/>
      <c r="AJ11" s="142"/>
      <c r="AK11" s="142"/>
      <c r="AL11" s="142"/>
      <c r="AM11" s="142"/>
      <c r="AN11" s="142"/>
      <c r="AO11" s="142"/>
      <c r="AP11" s="142"/>
      <c r="AQ11" s="142"/>
      <c r="AR11" s="142"/>
      <c r="AS11" s="142"/>
      <c r="AT11" s="142"/>
      <c r="AU11" s="142"/>
      <c r="AV11" s="142"/>
      <c r="AW11" s="142"/>
      <c r="AX11" s="142"/>
      <c r="AY11" s="142"/>
      <c r="AZ11" s="142"/>
      <c r="BA11" s="143"/>
      <c r="BB11" s="3"/>
    </row>
    <row r="12" spans="1:54" ht="18.75" customHeight="1" thickBot="1" x14ac:dyDescent="0.25">
      <c r="A12" s="3"/>
      <c r="B12" s="261" t="s">
        <v>8</v>
      </c>
      <c r="C12" s="262"/>
      <c r="D12" s="262"/>
      <c r="E12" s="16" t="s">
        <v>18</v>
      </c>
      <c r="F12" s="16" t="s">
        <v>19</v>
      </c>
      <c r="G12" s="294"/>
      <c r="H12" s="294"/>
      <c r="I12" s="16" t="s">
        <v>20</v>
      </c>
      <c r="J12" s="294"/>
      <c r="K12" s="294"/>
      <c r="L12" s="14"/>
      <c r="M12" s="26" t="s">
        <v>17</v>
      </c>
      <c r="N12" s="14"/>
      <c r="O12" s="14"/>
      <c r="P12" s="14"/>
      <c r="Q12" s="14"/>
      <c r="R12" s="14"/>
      <c r="S12" s="14"/>
      <c r="T12" s="15"/>
      <c r="U12" s="27"/>
      <c r="V12" s="27"/>
      <c r="W12" s="3"/>
      <c r="X12" s="27"/>
      <c r="Y12" s="27"/>
      <c r="Z12" s="28"/>
      <c r="AA12" s="3"/>
      <c r="AB12" s="170"/>
      <c r="AC12" s="171"/>
      <c r="AD12" s="171" t="s">
        <v>95</v>
      </c>
      <c r="AE12" s="171"/>
      <c r="AF12" s="171"/>
      <c r="AG12" s="171"/>
      <c r="AH12" s="49" t="s">
        <v>37</v>
      </c>
      <c r="AI12" s="142"/>
      <c r="AJ12" s="142"/>
      <c r="AK12" s="142"/>
      <c r="AL12" s="142"/>
      <c r="AM12" s="142"/>
      <c r="AN12" s="142"/>
      <c r="AO12" s="142"/>
      <c r="AP12" s="142"/>
      <c r="AQ12" s="142"/>
      <c r="AR12" s="142"/>
      <c r="AS12" s="142"/>
      <c r="AT12" s="142"/>
      <c r="AU12" s="142"/>
      <c r="AV12" s="142"/>
      <c r="AW12" s="142"/>
      <c r="AX12" s="142"/>
      <c r="AY12" s="142"/>
      <c r="AZ12" s="142"/>
      <c r="BA12" s="143"/>
      <c r="BB12" s="3"/>
    </row>
    <row r="13" spans="1:54" ht="18.75" customHeight="1" x14ac:dyDescent="0.2">
      <c r="A13" s="3"/>
      <c r="B13" s="276"/>
      <c r="C13" s="235"/>
      <c r="D13" s="235"/>
      <c r="E13" s="278"/>
      <c r="F13" s="278"/>
      <c r="G13" s="278"/>
      <c r="H13" s="278"/>
      <c r="I13" s="278"/>
      <c r="J13" s="278"/>
      <c r="K13" s="278"/>
      <c r="L13" s="278"/>
      <c r="M13" s="278"/>
      <c r="N13" s="278"/>
      <c r="O13" s="278"/>
      <c r="P13" s="278"/>
      <c r="Q13" s="278"/>
      <c r="R13" s="278"/>
      <c r="S13" s="278"/>
      <c r="T13" s="279"/>
      <c r="U13" s="263"/>
      <c r="V13" s="263"/>
      <c r="W13" s="3" t="s">
        <v>20</v>
      </c>
      <c r="X13" s="263"/>
      <c r="Y13" s="263"/>
      <c r="Z13" s="264"/>
      <c r="AA13" s="3"/>
      <c r="AB13" s="144" t="s">
        <v>84</v>
      </c>
      <c r="AC13" s="145"/>
      <c r="AD13" s="145"/>
      <c r="AE13" s="145"/>
      <c r="AF13" s="145"/>
      <c r="AG13" s="145"/>
      <c r="AH13" s="145"/>
      <c r="AI13" s="145"/>
      <c r="AJ13" s="145"/>
      <c r="AK13" s="145"/>
      <c r="AL13" s="145"/>
      <c r="AM13" s="145"/>
      <c r="AN13" s="145"/>
      <c r="AO13" s="145"/>
      <c r="AP13" s="145"/>
      <c r="AQ13" s="145"/>
      <c r="AR13" s="145"/>
      <c r="AS13" s="145"/>
      <c r="AT13" s="145"/>
      <c r="AU13" s="145"/>
      <c r="AV13" s="145"/>
      <c r="AW13" s="145"/>
      <c r="AX13" s="145"/>
      <c r="AY13" s="145"/>
      <c r="AZ13" s="145"/>
      <c r="BA13" s="146"/>
      <c r="BB13" s="3"/>
    </row>
    <row r="14" spans="1:54" ht="18.75" customHeight="1" thickBot="1" x14ac:dyDescent="0.25">
      <c r="A14" s="3"/>
      <c r="B14" s="277"/>
      <c r="C14" s="258"/>
      <c r="D14" s="258"/>
      <c r="E14" s="280"/>
      <c r="F14" s="280"/>
      <c r="G14" s="280"/>
      <c r="H14" s="280"/>
      <c r="I14" s="280"/>
      <c r="J14" s="280"/>
      <c r="K14" s="280"/>
      <c r="L14" s="280"/>
      <c r="M14" s="280"/>
      <c r="N14" s="280"/>
      <c r="O14" s="280"/>
      <c r="P14" s="280"/>
      <c r="Q14" s="280"/>
      <c r="R14" s="280"/>
      <c r="S14" s="280"/>
      <c r="T14" s="281"/>
      <c r="U14" s="32"/>
      <c r="V14" s="32"/>
      <c r="W14" s="33"/>
      <c r="X14" s="29"/>
      <c r="Y14" s="29"/>
      <c r="Z14" s="30"/>
      <c r="AA14" s="3"/>
      <c r="AB14" s="164"/>
      <c r="AC14" s="165"/>
      <c r="AD14" s="165"/>
      <c r="AE14" s="165"/>
      <c r="AF14" s="165"/>
      <c r="AG14" s="165"/>
      <c r="AH14" s="165"/>
      <c r="AI14" s="165"/>
      <c r="AJ14" s="165"/>
      <c r="AK14" s="165"/>
      <c r="AL14" s="165"/>
      <c r="AM14" s="165"/>
      <c r="AN14" s="165"/>
      <c r="AO14" s="165"/>
      <c r="AP14" s="165"/>
      <c r="AQ14" s="165"/>
      <c r="AR14" s="165"/>
      <c r="AS14" s="165"/>
      <c r="AT14" s="165"/>
      <c r="AU14" s="165"/>
      <c r="AV14" s="165"/>
      <c r="AW14" s="165"/>
      <c r="AX14" s="165"/>
      <c r="AY14" s="165"/>
      <c r="AZ14" s="165"/>
      <c r="BA14" s="166"/>
      <c r="BB14" s="3"/>
    </row>
    <row r="15" spans="1:54" ht="18.75" customHeight="1" x14ac:dyDescent="0.2">
      <c r="A15" s="3"/>
      <c r="B15" s="157" t="s">
        <v>27</v>
      </c>
      <c r="C15" s="158"/>
      <c r="D15" s="158"/>
      <c r="E15" s="158"/>
      <c r="F15" s="260"/>
      <c r="G15" s="216" t="s">
        <v>28</v>
      </c>
      <c r="H15" s="177"/>
      <c r="I15" s="177"/>
      <c r="J15" s="177"/>
      <c r="K15" s="177"/>
      <c r="L15" s="177"/>
      <c r="M15" s="177"/>
      <c r="N15" s="177"/>
      <c r="O15" s="177"/>
      <c r="P15" s="177"/>
      <c r="Q15" s="177"/>
      <c r="R15" s="177"/>
      <c r="S15" s="177"/>
      <c r="T15" s="177"/>
      <c r="U15" s="177"/>
      <c r="V15" s="177"/>
      <c r="W15" s="177"/>
      <c r="X15" s="177"/>
      <c r="Y15" s="177"/>
      <c r="Z15" s="217"/>
      <c r="AA15" s="3"/>
      <c r="AB15" s="164"/>
      <c r="AC15" s="165"/>
      <c r="AD15" s="165"/>
      <c r="AE15" s="165"/>
      <c r="AF15" s="165"/>
      <c r="AG15" s="165"/>
      <c r="AH15" s="165"/>
      <c r="AI15" s="165"/>
      <c r="AJ15" s="165"/>
      <c r="AK15" s="165"/>
      <c r="AL15" s="165"/>
      <c r="AM15" s="165"/>
      <c r="AN15" s="165"/>
      <c r="AO15" s="165"/>
      <c r="AP15" s="165"/>
      <c r="AQ15" s="165"/>
      <c r="AR15" s="165"/>
      <c r="AS15" s="165"/>
      <c r="AT15" s="165"/>
      <c r="AU15" s="165"/>
      <c r="AV15" s="165"/>
      <c r="AW15" s="165"/>
      <c r="AX15" s="165"/>
      <c r="AY15" s="165"/>
      <c r="AZ15" s="165"/>
      <c r="BA15" s="166"/>
      <c r="BB15" s="3"/>
    </row>
    <row r="16" spans="1:54" ht="18.75" customHeight="1" x14ac:dyDescent="0.2">
      <c r="A16" s="3"/>
      <c r="B16" s="295" t="s">
        <v>85</v>
      </c>
      <c r="C16" s="296"/>
      <c r="D16" s="296"/>
      <c r="E16" s="35"/>
      <c r="F16" s="36"/>
      <c r="G16" s="214"/>
      <c r="H16" s="210"/>
      <c r="I16" s="210"/>
      <c r="J16" s="210"/>
      <c r="K16" s="210"/>
      <c r="L16" s="210"/>
      <c r="M16" s="210"/>
      <c r="N16" s="210"/>
      <c r="O16" s="210"/>
      <c r="P16" s="210"/>
      <c r="Q16" s="210"/>
      <c r="R16" s="210"/>
      <c r="S16" s="210" t="s">
        <v>29</v>
      </c>
      <c r="T16" s="210"/>
      <c r="U16" s="210"/>
      <c r="V16" s="210"/>
      <c r="W16" s="210"/>
      <c r="X16" s="210"/>
      <c r="Y16" s="210"/>
      <c r="Z16" s="211"/>
      <c r="AA16" s="3"/>
      <c r="AB16" s="164"/>
      <c r="AC16" s="165"/>
      <c r="AD16" s="165"/>
      <c r="AE16" s="165"/>
      <c r="AF16" s="165"/>
      <c r="AG16" s="165"/>
      <c r="AH16" s="165"/>
      <c r="AI16" s="165"/>
      <c r="AJ16" s="165"/>
      <c r="AK16" s="165"/>
      <c r="AL16" s="165"/>
      <c r="AM16" s="165"/>
      <c r="AN16" s="165"/>
      <c r="AO16" s="165"/>
      <c r="AP16" s="165"/>
      <c r="AQ16" s="165"/>
      <c r="AR16" s="165"/>
      <c r="AS16" s="165"/>
      <c r="AT16" s="165"/>
      <c r="AU16" s="165"/>
      <c r="AV16" s="165"/>
      <c r="AW16" s="165"/>
      <c r="AX16" s="165"/>
      <c r="AY16" s="165"/>
      <c r="AZ16" s="165"/>
      <c r="BA16" s="166"/>
      <c r="BB16" s="3"/>
    </row>
    <row r="17" spans="1:54" ht="18.75" customHeight="1" thickBot="1" x14ac:dyDescent="0.25">
      <c r="A17" s="3"/>
      <c r="B17" s="297"/>
      <c r="C17" s="173"/>
      <c r="D17" s="39" t="s">
        <v>0</v>
      </c>
      <c r="E17" s="39"/>
      <c r="F17" s="73" t="s">
        <v>97</v>
      </c>
      <c r="G17" s="215"/>
      <c r="H17" s="212"/>
      <c r="I17" s="212"/>
      <c r="J17" s="212"/>
      <c r="K17" s="212"/>
      <c r="L17" s="212"/>
      <c r="M17" s="212"/>
      <c r="N17" s="212"/>
      <c r="O17" s="212"/>
      <c r="P17" s="212"/>
      <c r="Q17" s="212"/>
      <c r="R17" s="212"/>
      <c r="S17" s="212"/>
      <c r="T17" s="212"/>
      <c r="U17" s="212"/>
      <c r="V17" s="212"/>
      <c r="W17" s="212"/>
      <c r="X17" s="212"/>
      <c r="Y17" s="212"/>
      <c r="Z17" s="213"/>
      <c r="AA17" s="3"/>
      <c r="AB17" s="167"/>
      <c r="AC17" s="168"/>
      <c r="AD17" s="168"/>
      <c r="AE17" s="168"/>
      <c r="AF17" s="168"/>
      <c r="AG17" s="168"/>
      <c r="AH17" s="168"/>
      <c r="AI17" s="168"/>
      <c r="AJ17" s="168"/>
      <c r="AK17" s="168"/>
      <c r="AL17" s="168"/>
      <c r="AM17" s="168"/>
      <c r="AN17" s="168"/>
      <c r="AO17" s="168"/>
      <c r="AP17" s="168"/>
      <c r="AQ17" s="168"/>
      <c r="AR17" s="168"/>
      <c r="AS17" s="168"/>
      <c r="AT17" s="168"/>
      <c r="AU17" s="168"/>
      <c r="AV17" s="168"/>
      <c r="AW17" s="168"/>
      <c r="AX17" s="168"/>
      <c r="AY17" s="168"/>
      <c r="AZ17" s="168"/>
      <c r="BA17" s="169"/>
      <c r="BB17" s="3"/>
    </row>
    <row r="18" spans="1:54" ht="18.75" customHeight="1" thickBot="1" x14ac:dyDescent="0.25">
      <c r="A18" s="3"/>
      <c r="B18" s="298" t="s">
        <v>30</v>
      </c>
      <c r="C18" s="299"/>
      <c r="D18" s="299"/>
      <c r="E18" s="299"/>
      <c r="F18" s="300"/>
      <c r="G18" s="233" t="s">
        <v>99</v>
      </c>
      <c r="H18" s="234"/>
      <c r="I18" s="265" t="s">
        <v>98</v>
      </c>
      <c r="J18" s="265"/>
      <c r="K18" s="265"/>
      <c r="L18" s="265"/>
      <c r="M18" s="265"/>
      <c r="N18" s="265"/>
      <c r="O18" s="265"/>
      <c r="P18" s="265"/>
      <c r="Q18" s="265"/>
      <c r="R18" s="265"/>
      <c r="S18" s="266"/>
      <c r="T18" s="233" t="s">
        <v>99</v>
      </c>
      <c r="U18" s="234"/>
      <c r="V18" s="265" t="s">
        <v>100</v>
      </c>
      <c r="W18" s="265"/>
      <c r="X18" s="265"/>
      <c r="Y18" s="265"/>
      <c r="Z18" s="267"/>
      <c r="AA18" s="3"/>
      <c r="AB18" s="41" t="s">
        <v>93</v>
      </c>
      <c r="AC18" s="42"/>
      <c r="AD18" s="42"/>
      <c r="AE18" s="42"/>
      <c r="AF18" s="42"/>
      <c r="AG18" s="42"/>
      <c r="AH18" s="42"/>
      <c r="AI18" s="42"/>
      <c r="AJ18" s="42"/>
      <c r="AK18" s="42"/>
      <c r="AL18" s="42"/>
      <c r="AM18" s="42"/>
      <c r="AN18" s="42"/>
      <c r="AO18" s="42"/>
      <c r="AP18" s="42"/>
      <c r="AQ18" s="42"/>
      <c r="AR18" s="42"/>
      <c r="AS18" s="42" t="s">
        <v>46</v>
      </c>
      <c r="AT18" s="42"/>
      <c r="AU18" s="42"/>
      <c r="AV18" s="42"/>
      <c r="AW18" s="42"/>
      <c r="AX18" s="42"/>
      <c r="AY18" s="42"/>
      <c r="AZ18" s="42"/>
      <c r="BA18" s="43"/>
      <c r="BB18" s="3"/>
    </row>
    <row r="19" spans="1:54" ht="18.75" customHeight="1" x14ac:dyDescent="0.2">
      <c r="A19" s="3"/>
      <c r="B19" s="226" t="s">
        <v>31</v>
      </c>
      <c r="C19" s="219"/>
      <c r="D19" s="220"/>
      <c r="E19" s="218" t="s">
        <v>32</v>
      </c>
      <c r="F19" s="219"/>
      <c r="G19" s="219"/>
      <c r="H19" s="219"/>
      <c r="I19" s="219"/>
      <c r="J19" s="219"/>
      <c r="K19" s="219"/>
      <c r="L19" s="219"/>
      <c r="M19" s="219"/>
      <c r="N19" s="230" t="s">
        <v>81</v>
      </c>
      <c r="O19" s="231"/>
      <c r="P19" s="231"/>
      <c r="Q19" s="254"/>
      <c r="R19" s="218" t="s">
        <v>73</v>
      </c>
      <c r="S19" s="219"/>
      <c r="T19" s="219"/>
      <c r="U19" s="219"/>
      <c r="V19" s="220"/>
      <c r="W19" s="270" t="s">
        <v>82</v>
      </c>
      <c r="X19" s="270"/>
      <c r="Y19" s="270"/>
      <c r="Z19" s="271"/>
      <c r="AA19" s="3"/>
      <c r="AB19" s="144" t="s">
        <v>48</v>
      </c>
      <c r="AC19" s="145"/>
      <c r="AD19" s="145"/>
      <c r="AE19" s="145"/>
      <c r="AF19" s="42"/>
      <c r="AG19" s="172" t="s">
        <v>103</v>
      </c>
      <c r="AH19" s="172"/>
      <c r="AI19" s="172"/>
      <c r="AJ19" s="172" t="s">
        <v>95</v>
      </c>
      <c r="AK19" s="172"/>
      <c r="AL19" s="172" t="s">
        <v>97</v>
      </c>
      <c r="AM19" s="172"/>
      <c r="AN19" s="172" t="s">
        <v>101</v>
      </c>
      <c r="AO19" s="172" t="s">
        <v>102</v>
      </c>
      <c r="AP19" s="172" t="s">
        <v>103</v>
      </c>
      <c r="AQ19" s="172"/>
      <c r="AR19" s="172"/>
      <c r="AS19" s="172" t="s">
        <v>95</v>
      </c>
      <c r="AT19" s="172"/>
      <c r="AU19" s="172" t="s">
        <v>97</v>
      </c>
      <c r="AV19" s="172"/>
      <c r="AW19" s="172" t="s">
        <v>101</v>
      </c>
      <c r="AX19" s="42"/>
      <c r="AY19" s="42"/>
      <c r="AZ19" s="42"/>
      <c r="BA19" s="43"/>
      <c r="BB19" s="3"/>
    </row>
    <row r="20" spans="1:54" ht="18.75" customHeight="1" thickBot="1" x14ac:dyDescent="0.25">
      <c r="A20" s="3"/>
      <c r="B20" s="306"/>
      <c r="C20" s="307"/>
      <c r="D20" s="308"/>
      <c r="E20" s="44" t="s">
        <v>68</v>
      </c>
      <c r="F20" s="45"/>
      <c r="G20" s="45"/>
      <c r="H20" s="45"/>
      <c r="I20" s="45"/>
      <c r="J20" s="45" t="s">
        <v>68</v>
      </c>
      <c r="K20" s="45"/>
      <c r="L20" s="45"/>
      <c r="M20" s="45"/>
      <c r="N20" s="246"/>
      <c r="O20" s="247"/>
      <c r="P20" s="247"/>
      <c r="Q20" s="248"/>
      <c r="R20" s="250"/>
      <c r="S20" s="251"/>
      <c r="T20" s="251"/>
      <c r="U20" s="251"/>
      <c r="V20" s="252"/>
      <c r="W20" s="222"/>
      <c r="X20" s="222"/>
      <c r="Y20" s="222"/>
      <c r="Z20" s="223"/>
      <c r="AA20" s="3"/>
      <c r="AB20" s="135"/>
      <c r="AC20" s="136"/>
      <c r="AD20" s="136"/>
      <c r="AE20" s="136"/>
      <c r="AF20" s="97"/>
      <c r="AG20" s="173"/>
      <c r="AH20" s="173"/>
      <c r="AI20" s="173"/>
      <c r="AJ20" s="173"/>
      <c r="AK20" s="173"/>
      <c r="AL20" s="173"/>
      <c r="AM20" s="173"/>
      <c r="AN20" s="173"/>
      <c r="AO20" s="173"/>
      <c r="AP20" s="173"/>
      <c r="AQ20" s="173"/>
      <c r="AR20" s="173"/>
      <c r="AS20" s="173"/>
      <c r="AT20" s="173"/>
      <c r="AU20" s="173"/>
      <c r="AV20" s="173"/>
      <c r="AW20" s="173"/>
      <c r="AX20" s="53"/>
      <c r="AY20" s="53"/>
      <c r="AZ20" s="53"/>
      <c r="BA20" s="37"/>
      <c r="BB20" s="3"/>
    </row>
    <row r="21" spans="1:54" ht="18.75" customHeight="1" x14ac:dyDescent="0.2">
      <c r="A21" s="3"/>
      <c r="B21" s="306"/>
      <c r="C21" s="307"/>
      <c r="D21" s="308"/>
      <c r="E21" s="48"/>
      <c r="F21" s="49" t="s">
        <v>95</v>
      </c>
      <c r="G21" s="49"/>
      <c r="H21" s="171" t="s">
        <v>96</v>
      </c>
      <c r="I21" s="171"/>
      <c r="J21" s="49"/>
      <c r="K21" s="49" t="s">
        <v>95</v>
      </c>
      <c r="L21" s="49"/>
      <c r="M21" s="50" t="s">
        <v>97</v>
      </c>
      <c r="N21" s="238"/>
      <c r="O21" s="171"/>
      <c r="P21" s="171"/>
      <c r="Q21" s="249"/>
      <c r="R21" s="253"/>
      <c r="S21" s="236"/>
      <c r="T21" s="236"/>
      <c r="U21" s="236"/>
      <c r="V21" s="237"/>
      <c r="W21" s="224"/>
      <c r="X21" s="224"/>
      <c r="Y21" s="224"/>
      <c r="Z21" s="225"/>
      <c r="AA21" s="3"/>
      <c r="AB21" s="51" t="s">
        <v>56</v>
      </c>
      <c r="AC21" s="42"/>
      <c r="AD21" s="42"/>
      <c r="AE21" s="42"/>
      <c r="AF21" s="42"/>
      <c r="AG21" s="42"/>
      <c r="AH21" s="42"/>
      <c r="AI21" s="42"/>
      <c r="AJ21" s="42"/>
      <c r="AK21" s="42"/>
      <c r="AL21" s="42"/>
      <c r="AM21" s="42"/>
      <c r="AN21" s="42"/>
      <c r="AO21" s="42"/>
      <c r="AP21" s="42"/>
      <c r="AQ21" s="42"/>
      <c r="AR21" s="42"/>
      <c r="AS21" s="42"/>
      <c r="AT21" s="42"/>
      <c r="AU21" s="42"/>
      <c r="AV21" s="42"/>
      <c r="AW21" s="42"/>
      <c r="AX21" s="42"/>
      <c r="AY21" s="42"/>
      <c r="AZ21" s="42"/>
      <c r="BA21" s="43"/>
      <c r="BB21" s="3"/>
    </row>
    <row r="22" spans="1:54" ht="18.75" customHeight="1" x14ac:dyDescent="0.2">
      <c r="A22" s="3"/>
      <c r="B22" s="306"/>
      <c r="C22" s="307"/>
      <c r="D22" s="308"/>
      <c r="E22" s="44" t="s">
        <v>68</v>
      </c>
      <c r="F22" s="46"/>
      <c r="G22" s="46"/>
      <c r="H22" s="46"/>
      <c r="I22" s="46"/>
      <c r="J22" s="45" t="s">
        <v>68</v>
      </c>
      <c r="K22" s="46"/>
      <c r="L22" s="46"/>
      <c r="M22" s="46"/>
      <c r="N22" s="246"/>
      <c r="O22" s="247"/>
      <c r="P22" s="247"/>
      <c r="Q22" s="248"/>
      <c r="R22" s="250"/>
      <c r="S22" s="251"/>
      <c r="T22" s="251"/>
      <c r="U22" s="251"/>
      <c r="V22" s="252"/>
      <c r="W22" s="222"/>
      <c r="X22" s="222"/>
      <c r="Y22" s="222"/>
      <c r="Z22" s="223"/>
      <c r="AA22" s="3"/>
      <c r="AB22" s="163" t="s">
        <v>66</v>
      </c>
      <c r="AC22" s="150"/>
      <c r="AD22" s="150"/>
      <c r="AE22" s="150"/>
      <c r="AF22" s="150"/>
      <c r="AG22" s="52" t="s">
        <v>23</v>
      </c>
      <c r="AH22" s="151" t="s">
        <v>87</v>
      </c>
      <c r="AI22" s="151"/>
      <c r="AJ22" s="151"/>
      <c r="AK22" s="151"/>
      <c r="AL22" s="151"/>
      <c r="AM22" s="151"/>
      <c r="AN22" s="151"/>
      <c r="AO22" s="151"/>
      <c r="AP22" s="151"/>
      <c r="AQ22" s="151"/>
      <c r="AR22" s="151"/>
      <c r="AS22" s="151"/>
      <c r="AT22" s="151"/>
      <c r="AU22" s="151"/>
      <c r="AV22" s="151"/>
      <c r="AW22" s="151"/>
      <c r="AX22" s="151"/>
      <c r="AY22" s="151"/>
      <c r="AZ22" s="151"/>
      <c r="BA22" s="152"/>
      <c r="BB22" s="3"/>
    </row>
    <row r="23" spans="1:54" ht="18.75" customHeight="1" x14ac:dyDescent="0.2">
      <c r="A23" s="3"/>
      <c r="B23" s="306"/>
      <c r="C23" s="307"/>
      <c r="D23" s="308"/>
      <c r="E23" s="48"/>
      <c r="F23" s="49" t="s">
        <v>95</v>
      </c>
      <c r="G23" s="49"/>
      <c r="H23" s="171" t="s">
        <v>96</v>
      </c>
      <c r="I23" s="171"/>
      <c r="J23" s="49"/>
      <c r="K23" s="49" t="s">
        <v>95</v>
      </c>
      <c r="L23" s="49"/>
      <c r="M23" s="50" t="s">
        <v>97</v>
      </c>
      <c r="N23" s="238"/>
      <c r="O23" s="171"/>
      <c r="P23" s="171"/>
      <c r="Q23" s="249"/>
      <c r="R23" s="253"/>
      <c r="S23" s="236"/>
      <c r="T23" s="236"/>
      <c r="U23" s="236"/>
      <c r="V23" s="237"/>
      <c r="W23" s="224"/>
      <c r="X23" s="224"/>
      <c r="Y23" s="224"/>
      <c r="Z23" s="225"/>
      <c r="AA23" s="3"/>
      <c r="AB23" s="310" t="s">
        <v>65</v>
      </c>
      <c r="AC23" s="311"/>
      <c r="AD23" s="311"/>
      <c r="AE23" s="311"/>
      <c r="AF23" s="311"/>
      <c r="AG23" s="311"/>
      <c r="AH23" s="311"/>
      <c r="AI23" s="312"/>
      <c r="AJ23" s="311" t="s">
        <v>49</v>
      </c>
      <c r="AK23" s="311"/>
      <c r="AL23" s="311"/>
      <c r="AM23" s="311"/>
      <c r="AN23" s="311"/>
      <c r="AO23" s="311"/>
      <c r="AP23" s="311"/>
      <c r="AQ23" s="311"/>
      <c r="AR23" s="311"/>
      <c r="AS23" s="311"/>
      <c r="AT23" s="311"/>
      <c r="AU23" s="311"/>
      <c r="AV23" s="311"/>
      <c r="AW23" s="311"/>
      <c r="AX23" s="311"/>
      <c r="AY23" s="311"/>
      <c r="AZ23" s="311"/>
      <c r="BA23" s="316"/>
      <c r="BB23" s="3"/>
    </row>
    <row r="24" spans="1:54" ht="18.75" customHeight="1" x14ac:dyDescent="0.2">
      <c r="A24" s="3"/>
      <c r="B24" s="306"/>
      <c r="C24" s="307"/>
      <c r="D24" s="308"/>
      <c r="E24" s="44" t="s">
        <v>68</v>
      </c>
      <c r="F24" s="46"/>
      <c r="G24" s="46"/>
      <c r="H24" s="46"/>
      <c r="I24" s="46"/>
      <c r="J24" s="45" t="s">
        <v>68</v>
      </c>
      <c r="K24" s="46"/>
      <c r="L24" s="46"/>
      <c r="M24" s="46"/>
      <c r="N24" s="246"/>
      <c r="O24" s="247"/>
      <c r="P24" s="247"/>
      <c r="Q24" s="248"/>
      <c r="R24" s="250"/>
      <c r="S24" s="251"/>
      <c r="T24" s="251"/>
      <c r="U24" s="251"/>
      <c r="V24" s="252"/>
      <c r="W24" s="222"/>
      <c r="X24" s="222"/>
      <c r="Y24" s="222"/>
      <c r="Z24" s="223"/>
      <c r="AA24" s="3"/>
      <c r="AB24" s="313" t="s">
        <v>60</v>
      </c>
      <c r="AC24" s="314"/>
      <c r="AD24" s="314"/>
      <c r="AE24" s="314"/>
      <c r="AF24" s="314"/>
      <c r="AG24" s="314"/>
      <c r="AH24" s="314"/>
      <c r="AI24" s="315"/>
      <c r="AJ24" s="159" t="s">
        <v>51</v>
      </c>
      <c r="AK24" s="159"/>
      <c r="AL24" s="159"/>
      <c r="AM24" s="159"/>
      <c r="AN24" s="159"/>
      <c r="AO24" s="159"/>
      <c r="AP24" s="159"/>
      <c r="AQ24" s="159"/>
      <c r="AR24" s="159"/>
      <c r="AS24" s="159"/>
      <c r="AT24" s="159"/>
      <c r="AU24" s="159"/>
      <c r="AV24" s="159"/>
      <c r="AW24" s="159"/>
      <c r="AX24" s="159"/>
      <c r="AY24" s="159"/>
      <c r="AZ24" s="159"/>
      <c r="BA24" s="160"/>
      <c r="BB24" s="3"/>
    </row>
    <row r="25" spans="1:54" ht="18.75" customHeight="1" x14ac:dyDescent="0.2">
      <c r="A25" s="3"/>
      <c r="B25" s="306"/>
      <c r="C25" s="307"/>
      <c r="D25" s="308"/>
      <c r="E25" s="48"/>
      <c r="F25" s="49" t="s">
        <v>95</v>
      </c>
      <c r="G25" s="49"/>
      <c r="H25" s="171" t="s">
        <v>96</v>
      </c>
      <c r="I25" s="171"/>
      <c r="J25" s="49"/>
      <c r="K25" s="49" t="s">
        <v>95</v>
      </c>
      <c r="L25" s="49"/>
      <c r="M25" s="50" t="s">
        <v>97</v>
      </c>
      <c r="N25" s="238"/>
      <c r="O25" s="171"/>
      <c r="P25" s="171"/>
      <c r="Q25" s="249"/>
      <c r="R25" s="253"/>
      <c r="S25" s="236"/>
      <c r="T25" s="236"/>
      <c r="U25" s="236"/>
      <c r="V25" s="237"/>
      <c r="W25" s="224"/>
      <c r="X25" s="224"/>
      <c r="Y25" s="224"/>
      <c r="Z25" s="225"/>
      <c r="AA25" s="3"/>
      <c r="AB25" s="119" t="s">
        <v>61</v>
      </c>
      <c r="AC25" s="120"/>
      <c r="AD25" s="120"/>
      <c r="AE25" s="120"/>
      <c r="AF25" s="120"/>
      <c r="AG25" s="120"/>
      <c r="AH25" s="120"/>
      <c r="AI25" s="121"/>
      <c r="AJ25" s="161" t="s">
        <v>52</v>
      </c>
      <c r="AK25" s="161"/>
      <c r="AL25" s="161"/>
      <c r="AM25" s="161"/>
      <c r="AN25" s="161"/>
      <c r="AO25" s="161"/>
      <c r="AP25" s="161"/>
      <c r="AQ25" s="161"/>
      <c r="AR25" s="161"/>
      <c r="AS25" s="161"/>
      <c r="AT25" s="161"/>
      <c r="AU25" s="161"/>
      <c r="AV25" s="161"/>
      <c r="AW25" s="161"/>
      <c r="AX25" s="161"/>
      <c r="AY25" s="161"/>
      <c r="AZ25" s="161"/>
      <c r="BA25" s="162"/>
      <c r="BB25" s="3"/>
    </row>
    <row r="26" spans="1:54" ht="18.75" customHeight="1" x14ac:dyDescent="0.2">
      <c r="A26" s="3"/>
      <c r="B26" s="306"/>
      <c r="C26" s="307"/>
      <c r="D26" s="308"/>
      <c r="E26" s="44" t="s">
        <v>68</v>
      </c>
      <c r="F26" s="46"/>
      <c r="G26" s="46"/>
      <c r="H26" s="46"/>
      <c r="I26" s="46"/>
      <c r="J26" s="45" t="s">
        <v>68</v>
      </c>
      <c r="K26" s="46"/>
      <c r="L26" s="46"/>
      <c r="M26" s="46"/>
      <c r="N26" s="246"/>
      <c r="O26" s="247"/>
      <c r="P26" s="247"/>
      <c r="Q26" s="248"/>
      <c r="R26" s="250"/>
      <c r="S26" s="251"/>
      <c r="T26" s="251"/>
      <c r="U26" s="251"/>
      <c r="V26" s="252"/>
      <c r="W26" s="222"/>
      <c r="X26" s="222"/>
      <c r="Y26" s="222"/>
      <c r="Z26" s="223"/>
      <c r="AA26" s="3"/>
      <c r="AB26" s="122"/>
      <c r="AC26" s="123"/>
      <c r="AD26" s="123"/>
      <c r="AE26" s="123"/>
      <c r="AF26" s="123"/>
      <c r="AG26" s="123"/>
      <c r="AH26" s="123"/>
      <c r="AI26" s="124"/>
      <c r="AJ26" s="117" t="s">
        <v>53</v>
      </c>
      <c r="AK26" s="117"/>
      <c r="AL26" s="117"/>
      <c r="AM26" s="117"/>
      <c r="AN26" s="117"/>
      <c r="AO26" s="117"/>
      <c r="AP26" s="117"/>
      <c r="AQ26" s="117"/>
      <c r="AR26" s="117"/>
      <c r="AS26" s="117"/>
      <c r="AT26" s="117"/>
      <c r="AU26" s="117"/>
      <c r="AV26" s="117"/>
      <c r="AW26" s="117"/>
      <c r="AX26" s="117"/>
      <c r="AY26" s="117"/>
      <c r="AZ26" s="117"/>
      <c r="BA26" s="118"/>
      <c r="BB26" s="3"/>
    </row>
    <row r="27" spans="1:54" ht="18.75" customHeight="1" x14ac:dyDescent="0.2">
      <c r="A27" s="3"/>
      <c r="B27" s="306"/>
      <c r="C27" s="307"/>
      <c r="D27" s="308"/>
      <c r="E27" s="48"/>
      <c r="F27" s="49" t="s">
        <v>95</v>
      </c>
      <c r="G27" s="49"/>
      <c r="H27" s="171" t="s">
        <v>96</v>
      </c>
      <c r="I27" s="171"/>
      <c r="J27" s="49"/>
      <c r="K27" s="49" t="s">
        <v>95</v>
      </c>
      <c r="L27" s="49"/>
      <c r="M27" s="50" t="s">
        <v>97</v>
      </c>
      <c r="N27" s="238"/>
      <c r="O27" s="171"/>
      <c r="P27" s="171"/>
      <c r="Q27" s="249"/>
      <c r="R27" s="253"/>
      <c r="S27" s="236"/>
      <c r="T27" s="236"/>
      <c r="U27" s="236"/>
      <c r="V27" s="237"/>
      <c r="W27" s="224"/>
      <c r="X27" s="224"/>
      <c r="Y27" s="224"/>
      <c r="Z27" s="225"/>
      <c r="AA27" s="3"/>
      <c r="AB27" s="125"/>
      <c r="AC27" s="126"/>
      <c r="AD27" s="126"/>
      <c r="AE27" s="126"/>
      <c r="AF27" s="126"/>
      <c r="AG27" s="126"/>
      <c r="AH27" s="126"/>
      <c r="AI27" s="127"/>
      <c r="AJ27" s="321" t="s">
        <v>54</v>
      </c>
      <c r="AK27" s="321"/>
      <c r="AL27" s="321"/>
      <c r="AM27" s="321"/>
      <c r="AN27" s="321"/>
      <c r="AO27" s="321"/>
      <c r="AP27" s="321"/>
      <c r="AQ27" s="321"/>
      <c r="AR27" s="321"/>
      <c r="AS27" s="321"/>
      <c r="AT27" s="321"/>
      <c r="AU27" s="321"/>
      <c r="AV27" s="321"/>
      <c r="AW27" s="321"/>
      <c r="AX27" s="321"/>
      <c r="AY27" s="321"/>
      <c r="AZ27" s="321"/>
      <c r="BA27" s="322"/>
      <c r="BB27" s="3"/>
    </row>
    <row r="28" spans="1:54" ht="18.75" customHeight="1" x14ac:dyDescent="0.2">
      <c r="A28" s="3"/>
      <c r="B28" s="306"/>
      <c r="C28" s="307"/>
      <c r="D28" s="308"/>
      <c r="E28" s="44" t="s">
        <v>68</v>
      </c>
      <c r="F28" s="46"/>
      <c r="G28" s="46"/>
      <c r="H28" s="46"/>
      <c r="I28" s="46"/>
      <c r="J28" s="45" t="s">
        <v>68</v>
      </c>
      <c r="K28" s="46"/>
      <c r="L28" s="46"/>
      <c r="M28" s="46"/>
      <c r="N28" s="246"/>
      <c r="O28" s="247"/>
      <c r="P28" s="247"/>
      <c r="Q28" s="248"/>
      <c r="R28" s="250"/>
      <c r="S28" s="251"/>
      <c r="T28" s="251"/>
      <c r="U28" s="251"/>
      <c r="V28" s="252"/>
      <c r="W28" s="222"/>
      <c r="X28" s="222"/>
      <c r="Y28" s="222"/>
      <c r="Z28" s="223"/>
      <c r="AA28" s="3"/>
      <c r="AB28" s="128" t="s">
        <v>62</v>
      </c>
      <c r="AC28" s="129"/>
      <c r="AD28" s="129"/>
      <c r="AE28" s="129"/>
      <c r="AF28" s="129"/>
      <c r="AG28" s="129"/>
      <c r="AH28" s="129"/>
      <c r="AI28" s="130"/>
      <c r="AJ28" s="117" t="s">
        <v>55</v>
      </c>
      <c r="AK28" s="117"/>
      <c r="AL28" s="117"/>
      <c r="AM28" s="117"/>
      <c r="AN28" s="117"/>
      <c r="AO28" s="117"/>
      <c r="AP28" s="117"/>
      <c r="AQ28" s="117"/>
      <c r="AR28" s="117"/>
      <c r="AS28" s="117"/>
      <c r="AT28" s="117"/>
      <c r="AU28" s="117"/>
      <c r="AV28" s="117"/>
      <c r="AW28" s="117"/>
      <c r="AX28" s="117"/>
      <c r="AY28" s="117"/>
      <c r="AZ28" s="117"/>
      <c r="BA28" s="118"/>
      <c r="BB28" s="3"/>
    </row>
    <row r="29" spans="1:54" ht="18.75" customHeight="1" x14ac:dyDescent="0.2">
      <c r="A29" s="3"/>
      <c r="B29" s="306"/>
      <c r="C29" s="307"/>
      <c r="D29" s="308"/>
      <c r="E29" s="48"/>
      <c r="F29" s="49" t="s">
        <v>95</v>
      </c>
      <c r="G29" s="49"/>
      <c r="H29" s="171" t="s">
        <v>96</v>
      </c>
      <c r="I29" s="171"/>
      <c r="J29" s="49"/>
      <c r="K29" s="49" t="s">
        <v>95</v>
      </c>
      <c r="L29" s="49"/>
      <c r="M29" s="50" t="s">
        <v>97</v>
      </c>
      <c r="N29" s="238"/>
      <c r="O29" s="171"/>
      <c r="P29" s="171"/>
      <c r="Q29" s="249"/>
      <c r="R29" s="253"/>
      <c r="S29" s="236"/>
      <c r="T29" s="236"/>
      <c r="U29" s="236"/>
      <c r="V29" s="237"/>
      <c r="W29" s="224"/>
      <c r="X29" s="224"/>
      <c r="Y29" s="224"/>
      <c r="Z29" s="225"/>
      <c r="AA29" s="3"/>
      <c r="AB29" s="319" t="s">
        <v>64</v>
      </c>
      <c r="AC29" s="320"/>
      <c r="AD29" s="320"/>
      <c r="AE29" s="320"/>
      <c r="AF29" s="320"/>
      <c r="AG29" s="54" t="s">
        <v>58</v>
      </c>
      <c r="AH29" s="54"/>
      <c r="AI29" s="35" t="s">
        <v>59</v>
      </c>
      <c r="AJ29" s="149"/>
      <c r="AK29" s="150"/>
      <c r="AL29" s="150"/>
      <c r="AM29" s="150"/>
      <c r="AN29" s="150"/>
      <c r="AO29" s="150"/>
      <c r="AP29" s="150"/>
      <c r="AQ29" s="150"/>
      <c r="AR29" s="150"/>
      <c r="AS29" s="151"/>
      <c r="AT29" s="151"/>
      <c r="AU29" s="151"/>
      <c r="AV29" s="151"/>
      <c r="AW29" s="151"/>
      <c r="AX29" s="151"/>
      <c r="AY29" s="151"/>
      <c r="AZ29" s="151"/>
      <c r="BA29" s="152"/>
      <c r="BB29" s="3"/>
    </row>
    <row r="30" spans="1:54" ht="18.75" customHeight="1" x14ac:dyDescent="0.2">
      <c r="A30" s="3"/>
      <c r="B30" s="301"/>
      <c r="C30" s="151"/>
      <c r="D30" s="302"/>
      <c r="E30" s="44" t="s">
        <v>68</v>
      </c>
      <c r="F30" s="46"/>
      <c r="G30" s="46"/>
      <c r="H30" s="46"/>
      <c r="I30" s="46"/>
      <c r="J30" s="45" t="s">
        <v>68</v>
      </c>
      <c r="K30" s="46"/>
      <c r="L30" s="46"/>
      <c r="M30" s="46"/>
      <c r="N30" s="246"/>
      <c r="O30" s="247"/>
      <c r="P30" s="247"/>
      <c r="Q30" s="248"/>
      <c r="R30" s="250"/>
      <c r="S30" s="251"/>
      <c r="T30" s="251"/>
      <c r="U30" s="251"/>
      <c r="V30" s="252"/>
      <c r="W30" s="222"/>
      <c r="X30" s="222"/>
      <c r="Y30" s="222"/>
      <c r="Z30" s="223"/>
      <c r="AA30" s="3"/>
      <c r="AB30" s="317" t="s">
        <v>72</v>
      </c>
      <c r="AC30" s="318"/>
      <c r="AD30" s="318"/>
      <c r="AE30" s="318"/>
      <c r="AF30" s="318"/>
      <c r="AG30" s="318"/>
      <c r="AH30" s="318"/>
      <c r="AI30" s="318"/>
      <c r="AJ30" s="151" t="s">
        <v>71</v>
      </c>
      <c r="AK30" s="151"/>
      <c r="AL30" s="151"/>
      <c r="AM30" s="151"/>
      <c r="AN30" s="151"/>
      <c r="AO30" s="151"/>
      <c r="AP30" s="151"/>
      <c r="AQ30" s="151"/>
      <c r="AR30" s="151"/>
      <c r="AS30" s="151"/>
      <c r="AT30" s="151"/>
      <c r="AU30" s="151"/>
      <c r="AV30" s="55"/>
      <c r="AW30" s="55"/>
      <c r="AX30" s="55"/>
      <c r="AY30" s="55"/>
      <c r="AZ30" s="55"/>
      <c r="BA30" s="56"/>
    </row>
    <row r="31" spans="1:54" ht="18.75" customHeight="1" thickBot="1" x14ac:dyDescent="0.25">
      <c r="A31" s="3"/>
      <c r="B31" s="303"/>
      <c r="C31" s="304"/>
      <c r="D31" s="305"/>
      <c r="E31" s="38"/>
      <c r="F31" s="39" t="s">
        <v>95</v>
      </c>
      <c r="G31" s="39"/>
      <c r="H31" s="173" t="s">
        <v>96</v>
      </c>
      <c r="I31" s="173"/>
      <c r="J31" s="39"/>
      <c r="K31" s="39" t="s">
        <v>95</v>
      </c>
      <c r="L31" s="39"/>
      <c r="M31" s="73" t="s">
        <v>97</v>
      </c>
      <c r="N31" s="255"/>
      <c r="O31" s="173"/>
      <c r="P31" s="173"/>
      <c r="Q31" s="256"/>
      <c r="R31" s="257"/>
      <c r="S31" s="258"/>
      <c r="T31" s="258"/>
      <c r="U31" s="258"/>
      <c r="V31" s="259"/>
      <c r="W31" s="268"/>
      <c r="X31" s="268"/>
      <c r="Y31" s="268"/>
      <c r="Z31" s="269"/>
      <c r="AA31" s="3"/>
      <c r="AB31" s="155" t="s">
        <v>63</v>
      </c>
      <c r="AC31" s="156"/>
      <c r="AD31" s="156"/>
      <c r="AE31" s="156"/>
      <c r="AF31" s="156"/>
      <c r="AG31" s="57" t="s">
        <v>50</v>
      </c>
      <c r="AH31" s="131" t="s">
        <v>104</v>
      </c>
      <c r="AI31" s="131"/>
      <c r="AJ31" s="57" t="s">
        <v>105</v>
      </c>
      <c r="AK31" s="58" t="s">
        <v>106</v>
      </c>
      <c r="AL31" s="58"/>
      <c r="AM31" s="57" t="s">
        <v>107</v>
      </c>
      <c r="AN31" s="131"/>
      <c r="AO31" s="131"/>
      <c r="AP31" s="131"/>
      <c r="AQ31" s="131"/>
      <c r="AR31" s="131"/>
      <c r="AS31" s="58" t="s">
        <v>108</v>
      </c>
      <c r="AT31" s="58"/>
      <c r="AU31" s="153"/>
      <c r="AV31" s="153"/>
      <c r="AW31" s="153"/>
      <c r="AX31" s="153"/>
      <c r="AY31" s="153"/>
      <c r="AZ31" s="153"/>
      <c r="BA31" s="154"/>
    </row>
    <row r="32" spans="1:54" ht="18.75" customHeight="1" x14ac:dyDescent="0.2">
      <c r="A32" s="3"/>
      <c r="B32" s="240" t="s">
        <v>34</v>
      </c>
      <c r="C32" s="241"/>
      <c r="D32" s="241"/>
      <c r="E32" s="241"/>
      <c r="F32" s="242"/>
      <c r="G32" s="233" t="s">
        <v>99</v>
      </c>
      <c r="H32" s="234"/>
      <c r="I32" s="235" t="s">
        <v>98</v>
      </c>
      <c r="J32" s="236"/>
      <c r="K32" s="236"/>
      <c r="L32" s="236"/>
      <c r="M32" s="236"/>
      <c r="N32" s="236"/>
      <c r="O32" s="236"/>
      <c r="P32" s="236"/>
      <c r="Q32" s="236"/>
      <c r="R32" s="236"/>
      <c r="S32" s="237"/>
      <c r="T32" s="238" t="s">
        <v>99</v>
      </c>
      <c r="U32" s="171"/>
      <c r="V32" s="236" t="s">
        <v>100</v>
      </c>
      <c r="W32" s="236"/>
      <c r="X32" s="236"/>
      <c r="Y32" s="236"/>
      <c r="Z32" s="239"/>
      <c r="AA32" s="3"/>
      <c r="AB32" s="144" t="s">
        <v>94</v>
      </c>
      <c r="AC32" s="145"/>
      <c r="AD32" s="145"/>
      <c r="AE32" s="145"/>
      <c r="AF32" s="145"/>
      <c r="AG32" s="145"/>
      <c r="AH32" s="145"/>
      <c r="AI32" s="145"/>
      <c r="AJ32" s="145"/>
      <c r="AK32" s="145"/>
      <c r="AL32" s="145"/>
      <c r="AM32" s="145"/>
      <c r="AN32" s="145"/>
      <c r="AO32" s="145"/>
      <c r="AP32" s="145"/>
      <c r="AQ32" s="145"/>
      <c r="AR32" s="145"/>
      <c r="AS32" s="145"/>
      <c r="AT32" s="145"/>
      <c r="AU32" s="145"/>
      <c r="AV32" s="145"/>
      <c r="AW32" s="145"/>
      <c r="AX32" s="145"/>
      <c r="AY32" s="145"/>
      <c r="AZ32" s="145"/>
      <c r="BA32" s="146"/>
    </row>
    <row r="33" spans="1:54" ht="18.75" customHeight="1" x14ac:dyDescent="0.2">
      <c r="A33" s="3"/>
      <c r="B33" s="226" t="s">
        <v>32</v>
      </c>
      <c r="C33" s="219"/>
      <c r="D33" s="219"/>
      <c r="E33" s="219"/>
      <c r="F33" s="219"/>
      <c r="G33" s="219"/>
      <c r="H33" s="219"/>
      <c r="I33" s="220"/>
      <c r="J33" s="218" t="s">
        <v>35</v>
      </c>
      <c r="K33" s="219"/>
      <c r="L33" s="219"/>
      <c r="M33" s="219"/>
      <c r="N33" s="220"/>
      <c r="O33" s="218" t="s">
        <v>38</v>
      </c>
      <c r="P33" s="219"/>
      <c r="Q33" s="219"/>
      <c r="R33" s="220"/>
      <c r="S33" s="218" t="s">
        <v>39</v>
      </c>
      <c r="T33" s="219"/>
      <c r="U33" s="220"/>
      <c r="V33" s="230" t="s">
        <v>44</v>
      </c>
      <c r="W33" s="231"/>
      <c r="X33" s="231"/>
      <c r="Y33" s="231"/>
      <c r="Z33" s="232"/>
      <c r="AA33" s="3"/>
      <c r="AB33" s="132"/>
      <c r="AC33" s="133"/>
      <c r="AD33" s="133"/>
      <c r="AE33" s="133"/>
      <c r="AF33" s="133"/>
      <c r="AG33" s="133"/>
      <c r="AH33" s="133"/>
      <c r="AI33" s="133"/>
      <c r="AJ33" s="133"/>
      <c r="AK33" s="133"/>
      <c r="AL33" s="133"/>
      <c r="AM33" s="133"/>
      <c r="AN33" s="133"/>
      <c r="AO33" s="133"/>
      <c r="AP33" s="133"/>
      <c r="AQ33" s="133"/>
      <c r="AR33" s="133"/>
      <c r="AS33" s="133"/>
      <c r="AT33" s="133"/>
      <c r="AU33" s="133"/>
      <c r="AV33" s="133"/>
      <c r="AW33" s="133"/>
      <c r="AX33" s="133"/>
      <c r="AY33" s="133"/>
      <c r="AZ33" s="133"/>
      <c r="BA33" s="134"/>
    </row>
    <row r="34" spans="1:54" ht="18.75" customHeight="1" x14ac:dyDescent="0.2">
      <c r="A34" s="3"/>
      <c r="B34" s="227" t="s">
        <v>69</v>
      </c>
      <c r="C34" s="228"/>
      <c r="D34" s="228"/>
      <c r="E34" s="228"/>
      <c r="F34" s="228"/>
      <c r="G34" s="228"/>
      <c r="H34" s="228"/>
      <c r="I34" s="229"/>
      <c r="J34" s="193"/>
      <c r="K34" s="194"/>
      <c r="L34" s="194"/>
      <c r="M34" s="194"/>
      <c r="N34" s="195"/>
      <c r="O34" s="193"/>
      <c r="P34" s="194"/>
      <c r="Q34" s="194"/>
      <c r="R34" s="195"/>
      <c r="S34" s="59" t="s">
        <v>42</v>
      </c>
      <c r="T34" s="60" t="s">
        <v>43</v>
      </c>
      <c r="U34" s="61"/>
      <c r="V34" s="44" t="s">
        <v>23</v>
      </c>
      <c r="W34" s="202" t="s">
        <v>67</v>
      </c>
      <c r="X34" s="202"/>
      <c r="Y34" s="202"/>
      <c r="Z34" s="203"/>
      <c r="AA34" s="3"/>
      <c r="AB34" s="132"/>
      <c r="AC34" s="133"/>
      <c r="AD34" s="133"/>
      <c r="AE34" s="133"/>
      <c r="AF34" s="133"/>
      <c r="AG34" s="133"/>
      <c r="AH34" s="133"/>
      <c r="AI34" s="133"/>
      <c r="AJ34" s="133"/>
      <c r="AK34" s="133"/>
      <c r="AL34" s="133"/>
      <c r="AM34" s="133"/>
      <c r="AN34" s="133"/>
      <c r="AO34" s="133"/>
      <c r="AP34" s="133"/>
      <c r="AQ34" s="133"/>
      <c r="AR34" s="133"/>
      <c r="AS34" s="133"/>
      <c r="AT34" s="133"/>
      <c r="AU34" s="133"/>
      <c r="AV34" s="133"/>
      <c r="AW34" s="133"/>
      <c r="AX34" s="133"/>
      <c r="AY34" s="133"/>
      <c r="AZ34" s="133"/>
      <c r="BA34" s="134"/>
    </row>
    <row r="35" spans="1:54" ht="18.75" customHeight="1" x14ac:dyDescent="0.2">
      <c r="A35" s="3"/>
      <c r="B35" s="100"/>
      <c r="C35" s="49" t="s">
        <v>95</v>
      </c>
      <c r="D35" s="49"/>
      <c r="E35" s="49" t="s">
        <v>96</v>
      </c>
      <c r="F35" s="49"/>
      <c r="G35" s="49" t="s">
        <v>95</v>
      </c>
      <c r="H35" s="49"/>
      <c r="I35" s="50" t="s">
        <v>97</v>
      </c>
      <c r="J35" s="196"/>
      <c r="K35" s="197"/>
      <c r="L35" s="197"/>
      <c r="M35" s="197"/>
      <c r="N35" s="198"/>
      <c r="O35" s="196"/>
      <c r="P35" s="197"/>
      <c r="Q35" s="197"/>
      <c r="R35" s="198"/>
      <c r="S35" s="59" t="s">
        <v>40</v>
      </c>
      <c r="T35" s="60" t="s">
        <v>41</v>
      </c>
      <c r="U35" s="61"/>
      <c r="V35" s="207" t="s">
        <v>45</v>
      </c>
      <c r="W35" s="208"/>
      <c r="X35" s="208"/>
      <c r="Y35" s="208"/>
      <c r="Z35" s="209"/>
      <c r="AA35" s="3"/>
      <c r="AB35" s="132"/>
      <c r="AC35" s="133"/>
      <c r="AD35" s="133"/>
      <c r="AE35" s="133"/>
      <c r="AF35" s="133"/>
      <c r="AG35" s="133"/>
      <c r="AH35" s="133"/>
      <c r="AI35" s="133"/>
      <c r="AJ35" s="133"/>
      <c r="AK35" s="133"/>
      <c r="AL35" s="133"/>
      <c r="AM35" s="133"/>
      <c r="AN35" s="133"/>
      <c r="AO35" s="133"/>
      <c r="AP35" s="133"/>
      <c r="AQ35" s="133"/>
      <c r="AR35" s="133"/>
      <c r="AS35" s="133"/>
      <c r="AT35" s="133"/>
      <c r="AU35" s="133"/>
      <c r="AV35" s="133"/>
      <c r="AW35" s="133"/>
      <c r="AX35" s="133"/>
      <c r="AY35" s="133"/>
      <c r="AZ35" s="133"/>
      <c r="BA35" s="134"/>
      <c r="BB35" s="3"/>
    </row>
    <row r="36" spans="1:54" ht="18.75" customHeight="1" x14ac:dyDescent="0.2">
      <c r="A36" s="3"/>
      <c r="B36" s="227" t="s">
        <v>69</v>
      </c>
      <c r="C36" s="228"/>
      <c r="D36" s="228"/>
      <c r="E36" s="228"/>
      <c r="F36" s="228"/>
      <c r="G36" s="228"/>
      <c r="H36" s="228"/>
      <c r="I36" s="229"/>
      <c r="J36" s="193"/>
      <c r="K36" s="194"/>
      <c r="L36" s="194"/>
      <c r="M36" s="194"/>
      <c r="N36" s="195"/>
      <c r="O36" s="193"/>
      <c r="P36" s="194"/>
      <c r="Q36" s="194"/>
      <c r="R36" s="195"/>
      <c r="S36" s="44" t="s">
        <v>42</v>
      </c>
      <c r="T36" s="62" t="s">
        <v>43</v>
      </c>
      <c r="U36" s="63"/>
      <c r="V36" s="44" t="s">
        <v>23</v>
      </c>
      <c r="W36" s="202" t="s">
        <v>67</v>
      </c>
      <c r="X36" s="202"/>
      <c r="Y36" s="202"/>
      <c r="Z36" s="203"/>
      <c r="AA36" s="3"/>
      <c r="AB36" s="132"/>
      <c r="AC36" s="133"/>
      <c r="AD36" s="133"/>
      <c r="AE36" s="133"/>
      <c r="AF36" s="133"/>
      <c r="AG36" s="133"/>
      <c r="AH36" s="133"/>
      <c r="AI36" s="133"/>
      <c r="AJ36" s="133"/>
      <c r="AK36" s="133"/>
      <c r="AL36" s="133"/>
      <c r="AM36" s="133"/>
      <c r="AN36" s="133"/>
      <c r="AO36" s="133"/>
      <c r="AP36" s="133"/>
      <c r="AQ36" s="133"/>
      <c r="AR36" s="133"/>
      <c r="AS36" s="133"/>
      <c r="AT36" s="133"/>
      <c r="AU36" s="133"/>
      <c r="AV36" s="133"/>
      <c r="AW36" s="133"/>
      <c r="AX36" s="133"/>
      <c r="AY36" s="133"/>
      <c r="AZ36" s="133"/>
      <c r="BA36" s="134"/>
      <c r="BB36" s="3"/>
    </row>
    <row r="37" spans="1:54" ht="18.75" customHeight="1" thickBot="1" x14ac:dyDescent="0.25">
      <c r="A37" s="3"/>
      <c r="B37" s="100"/>
      <c r="C37" s="49" t="s">
        <v>95</v>
      </c>
      <c r="D37" s="49"/>
      <c r="E37" s="49" t="s">
        <v>96</v>
      </c>
      <c r="F37" s="49"/>
      <c r="G37" s="49" t="s">
        <v>95</v>
      </c>
      <c r="H37" s="49"/>
      <c r="I37" s="50" t="s">
        <v>97</v>
      </c>
      <c r="J37" s="196"/>
      <c r="K37" s="197"/>
      <c r="L37" s="197"/>
      <c r="M37" s="197"/>
      <c r="N37" s="198"/>
      <c r="O37" s="196"/>
      <c r="P37" s="197"/>
      <c r="Q37" s="197"/>
      <c r="R37" s="198"/>
      <c r="S37" s="64" t="s">
        <v>40</v>
      </c>
      <c r="T37" s="65" t="s">
        <v>41</v>
      </c>
      <c r="U37" s="66"/>
      <c r="V37" s="207" t="s">
        <v>45</v>
      </c>
      <c r="W37" s="208"/>
      <c r="X37" s="208"/>
      <c r="Y37" s="208"/>
      <c r="Z37" s="209"/>
      <c r="AA37" s="3"/>
      <c r="AB37" s="135"/>
      <c r="AC37" s="136"/>
      <c r="AD37" s="136"/>
      <c r="AE37" s="136"/>
      <c r="AF37" s="136"/>
      <c r="AG37" s="136"/>
      <c r="AH37" s="136"/>
      <c r="AI37" s="136"/>
      <c r="AJ37" s="136"/>
      <c r="AK37" s="136"/>
      <c r="AL37" s="136"/>
      <c r="AM37" s="136"/>
      <c r="AN37" s="136"/>
      <c r="AO37" s="136"/>
      <c r="AP37" s="136"/>
      <c r="AQ37" s="136"/>
      <c r="AR37" s="136"/>
      <c r="AS37" s="136"/>
      <c r="AT37" s="136"/>
      <c r="AU37" s="136"/>
      <c r="AV37" s="136"/>
      <c r="AW37" s="136"/>
      <c r="AX37" s="136"/>
      <c r="AY37" s="136"/>
      <c r="AZ37" s="136"/>
      <c r="BA37" s="137"/>
      <c r="BB37" s="3"/>
    </row>
    <row r="38" spans="1:54" ht="18.75" customHeight="1" x14ac:dyDescent="0.2">
      <c r="A38" s="3"/>
      <c r="B38" s="227" t="s">
        <v>69</v>
      </c>
      <c r="C38" s="228"/>
      <c r="D38" s="228"/>
      <c r="E38" s="228"/>
      <c r="F38" s="228"/>
      <c r="G38" s="228"/>
      <c r="H38" s="228"/>
      <c r="I38" s="229"/>
      <c r="J38" s="193"/>
      <c r="K38" s="194"/>
      <c r="L38" s="194"/>
      <c r="M38" s="194"/>
      <c r="N38" s="195"/>
      <c r="O38" s="193"/>
      <c r="P38" s="194"/>
      <c r="Q38" s="194"/>
      <c r="R38" s="195"/>
      <c r="S38" s="59" t="s">
        <v>42</v>
      </c>
      <c r="T38" s="60" t="s">
        <v>43</v>
      </c>
      <c r="U38" s="61"/>
      <c r="V38" s="44" t="s">
        <v>23</v>
      </c>
      <c r="W38" s="202" t="s">
        <v>67</v>
      </c>
      <c r="X38" s="202"/>
      <c r="Y38" s="202"/>
      <c r="Z38" s="203"/>
      <c r="AA38" s="3"/>
      <c r="AB38" s="157" t="s">
        <v>75</v>
      </c>
      <c r="AC38" s="158"/>
      <c r="AD38" s="158"/>
      <c r="AE38" s="67" t="s">
        <v>77</v>
      </c>
      <c r="AF38" s="67"/>
      <c r="AG38" s="67"/>
      <c r="AH38" s="67"/>
      <c r="AI38" s="67"/>
      <c r="AJ38" s="67"/>
      <c r="AK38" s="67"/>
      <c r="AL38" s="67"/>
      <c r="AM38" s="67"/>
      <c r="AN38" s="67"/>
      <c r="AO38" s="67"/>
      <c r="AP38" s="67"/>
      <c r="AQ38" s="67"/>
      <c r="AR38" s="67"/>
      <c r="AS38" s="67"/>
      <c r="AT38" s="67"/>
      <c r="AU38" s="67"/>
      <c r="AV38" s="67"/>
      <c r="AW38" s="67"/>
      <c r="AX38" s="67"/>
      <c r="AY38" s="67"/>
      <c r="AZ38" s="67"/>
      <c r="BA38" s="68"/>
      <c r="BB38" s="3"/>
    </row>
    <row r="39" spans="1:54" ht="18.75" customHeight="1" x14ac:dyDescent="0.2">
      <c r="A39" s="3"/>
      <c r="B39" s="100"/>
      <c r="C39" s="49" t="s">
        <v>95</v>
      </c>
      <c r="D39" s="49"/>
      <c r="E39" s="49" t="s">
        <v>96</v>
      </c>
      <c r="F39" s="49"/>
      <c r="G39" s="49" t="s">
        <v>95</v>
      </c>
      <c r="H39" s="49"/>
      <c r="I39" s="50" t="s">
        <v>97</v>
      </c>
      <c r="J39" s="196"/>
      <c r="K39" s="197"/>
      <c r="L39" s="197"/>
      <c r="M39" s="197"/>
      <c r="N39" s="198"/>
      <c r="O39" s="196"/>
      <c r="P39" s="197"/>
      <c r="Q39" s="197"/>
      <c r="R39" s="198"/>
      <c r="S39" s="59" t="s">
        <v>40</v>
      </c>
      <c r="T39" s="60" t="s">
        <v>41</v>
      </c>
      <c r="U39" s="61"/>
      <c r="V39" s="207" t="s">
        <v>45</v>
      </c>
      <c r="W39" s="208"/>
      <c r="X39" s="208"/>
      <c r="Y39" s="208"/>
      <c r="Z39" s="209"/>
      <c r="AA39" s="3"/>
      <c r="AB39" s="147"/>
      <c r="AC39" s="148"/>
      <c r="AD39" s="148"/>
      <c r="AE39" s="47" t="s">
        <v>76</v>
      </c>
      <c r="AF39" s="47"/>
      <c r="AG39" s="47"/>
      <c r="AH39" s="47"/>
      <c r="AI39" s="47"/>
      <c r="AJ39" s="47"/>
      <c r="AK39" s="47"/>
      <c r="AL39" s="47"/>
      <c r="AM39" s="47"/>
      <c r="AN39" s="47"/>
      <c r="AO39" s="47"/>
      <c r="AP39" s="47"/>
      <c r="AQ39" s="47"/>
      <c r="AR39" s="47"/>
      <c r="AS39" s="47"/>
      <c r="AT39" s="47"/>
      <c r="AU39" s="47"/>
      <c r="AV39" s="47"/>
      <c r="AW39" s="47"/>
      <c r="AX39" s="47"/>
      <c r="AY39" s="47"/>
      <c r="AZ39" s="47"/>
      <c r="BA39" s="34"/>
      <c r="BB39" s="3"/>
    </row>
    <row r="40" spans="1:54" ht="18.75" customHeight="1" thickBot="1" x14ac:dyDescent="0.25">
      <c r="A40" s="3"/>
      <c r="B40" s="227" t="s">
        <v>69</v>
      </c>
      <c r="C40" s="228"/>
      <c r="D40" s="228"/>
      <c r="E40" s="228"/>
      <c r="F40" s="228"/>
      <c r="G40" s="228"/>
      <c r="H40" s="228"/>
      <c r="I40" s="229"/>
      <c r="J40" s="193"/>
      <c r="K40" s="194"/>
      <c r="L40" s="194"/>
      <c r="M40" s="194"/>
      <c r="N40" s="195"/>
      <c r="O40" s="193"/>
      <c r="P40" s="194"/>
      <c r="Q40" s="194"/>
      <c r="R40" s="195"/>
      <c r="S40" s="44" t="s">
        <v>42</v>
      </c>
      <c r="T40" s="62" t="s">
        <v>43</v>
      </c>
      <c r="U40" s="63"/>
      <c r="V40" s="44" t="s">
        <v>23</v>
      </c>
      <c r="W40" s="202" t="s">
        <v>67</v>
      </c>
      <c r="X40" s="202"/>
      <c r="Y40" s="202"/>
      <c r="Z40" s="203"/>
      <c r="AA40" s="3"/>
      <c r="AB40" s="69"/>
      <c r="AC40" s="70"/>
      <c r="AD40" s="70"/>
      <c r="AE40" s="136" t="s">
        <v>78</v>
      </c>
      <c r="AF40" s="136"/>
      <c r="AG40" s="136"/>
      <c r="AH40" s="136"/>
      <c r="AI40" s="136"/>
      <c r="AJ40" s="136"/>
      <c r="AK40" s="136"/>
      <c r="AL40" s="136"/>
      <c r="AM40" s="136"/>
      <c r="AN40" s="136"/>
      <c r="AO40" s="136"/>
      <c r="AP40" s="136"/>
      <c r="AQ40" s="136"/>
      <c r="AR40" s="136"/>
      <c r="AS40" s="136"/>
      <c r="AT40" s="136"/>
      <c r="AU40" s="136"/>
      <c r="AV40" s="136"/>
      <c r="AW40" s="136"/>
      <c r="AX40" s="136"/>
      <c r="AY40" s="136"/>
      <c r="AZ40" s="136"/>
      <c r="BA40" s="137"/>
      <c r="BB40" s="3"/>
    </row>
    <row r="41" spans="1:54" ht="18.75" customHeight="1" x14ac:dyDescent="0.2">
      <c r="A41" s="3"/>
      <c r="B41" s="100"/>
      <c r="C41" s="49" t="s">
        <v>95</v>
      </c>
      <c r="D41" s="49"/>
      <c r="E41" s="49" t="s">
        <v>96</v>
      </c>
      <c r="F41" s="49"/>
      <c r="G41" s="49" t="s">
        <v>95</v>
      </c>
      <c r="H41" s="49"/>
      <c r="I41" s="50" t="s">
        <v>97</v>
      </c>
      <c r="J41" s="196"/>
      <c r="K41" s="197"/>
      <c r="L41" s="197"/>
      <c r="M41" s="197"/>
      <c r="N41" s="198"/>
      <c r="O41" s="196"/>
      <c r="P41" s="197"/>
      <c r="Q41" s="197"/>
      <c r="R41" s="198"/>
      <c r="S41" s="64" t="s">
        <v>40</v>
      </c>
      <c r="T41" s="65" t="s">
        <v>41</v>
      </c>
      <c r="U41" s="66"/>
      <c r="V41" s="207" t="s">
        <v>45</v>
      </c>
      <c r="W41" s="208"/>
      <c r="X41" s="208"/>
      <c r="Y41" s="208"/>
      <c r="Z41" s="209"/>
      <c r="AA41" s="3"/>
      <c r="AB41" s="145" t="s">
        <v>110</v>
      </c>
      <c r="AC41" s="145"/>
      <c r="AD41" s="145"/>
      <c r="AE41" s="145"/>
      <c r="AF41" s="145"/>
      <c r="AG41" s="145"/>
      <c r="AH41" s="145"/>
      <c r="AI41" s="145"/>
      <c r="AJ41" s="145"/>
      <c r="AK41" s="145"/>
      <c r="AL41" s="145"/>
      <c r="AM41" s="145"/>
      <c r="AN41" s="145"/>
      <c r="AO41" s="145"/>
      <c r="AP41" s="145"/>
      <c r="AQ41" s="145"/>
      <c r="AR41" s="145"/>
      <c r="AS41" s="145"/>
      <c r="AT41" s="145"/>
      <c r="AU41" s="145"/>
      <c r="AV41" s="145"/>
      <c r="AW41" s="145"/>
      <c r="AX41" s="145"/>
      <c r="AY41" s="145"/>
      <c r="AZ41" s="145"/>
      <c r="BA41" s="145"/>
      <c r="BB41" s="3"/>
    </row>
    <row r="42" spans="1:54" ht="18.75" customHeight="1" x14ac:dyDescent="0.15">
      <c r="A42" s="3"/>
      <c r="B42" s="227" t="s">
        <v>69</v>
      </c>
      <c r="C42" s="228"/>
      <c r="D42" s="228"/>
      <c r="E42" s="228"/>
      <c r="F42" s="228"/>
      <c r="G42" s="228"/>
      <c r="H42" s="228"/>
      <c r="I42" s="229"/>
      <c r="J42" s="193"/>
      <c r="K42" s="194"/>
      <c r="L42" s="194"/>
      <c r="M42" s="194"/>
      <c r="N42" s="195"/>
      <c r="O42" s="193"/>
      <c r="P42" s="194"/>
      <c r="Q42" s="194"/>
      <c r="R42" s="195"/>
      <c r="S42" s="44" t="s">
        <v>42</v>
      </c>
      <c r="T42" s="62" t="s">
        <v>43</v>
      </c>
      <c r="U42" s="63"/>
      <c r="V42" s="44" t="s">
        <v>23</v>
      </c>
      <c r="W42" s="202" t="s">
        <v>67</v>
      </c>
      <c r="X42" s="202"/>
      <c r="Y42" s="202"/>
      <c r="Z42" s="203"/>
      <c r="AA42" s="3"/>
      <c r="AB42" s="40" t="s">
        <v>111</v>
      </c>
      <c r="AC42" s="40"/>
      <c r="AD42" s="40"/>
      <c r="AE42" s="40"/>
      <c r="AF42" s="40"/>
      <c r="AG42" s="40"/>
      <c r="AH42" s="40"/>
      <c r="AI42" s="40"/>
      <c r="AJ42" s="40"/>
      <c r="AK42" s="40"/>
      <c r="AL42" s="40"/>
      <c r="AM42" s="40"/>
      <c r="AN42" s="40"/>
      <c r="AO42" s="40"/>
      <c r="AP42" s="40"/>
      <c r="AQ42" s="40"/>
      <c r="AR42" s="40"/>
      <c r="AS42" s="71"/>
      <c r="AT42" s="71"/>
      <c r="AU42" s="70"/>
      <c r="AV42" s="70"/>
      <c r="AW42" s="70"/>
      <c r="AX42" s="70"/>
      <c r="AY42" s="70"/>
      <c r="AZ42" s="70"/>
      <c r="BA42" s="70"/>
      <c r="BB42" s="3"/>
    </row>
    <row r="43" spans="1:54" ht="18.75" customHeight="1" x14ac:dyDescent="0.15">
      <c r="A43" s="3"/>
      <c r="B43" s="100"/>
      <c r="C43" s="49" t="s">
        <v>95</v>
      </c>
      <c r="D43" s="49"/>
      <c r="E43" s="49" t="s">
        <v>96</v>
      </c>
      <c r="F43" s="49"/>
      <c r="G43" s="49" t="s">
        <v>95</v>
      </c>
      <c r="H43" s="49"/>
      <c r="I43" s="50" t="s">
        <v>97</v>
      </c>
      <c r="J43" s="196"/>
      <c r="K43" s="197"/>
      <c r="L43" s="197"/>
      <c r="M43" s="197"/>
      <c r="N43" s="198"/>
      <c r="O43" s="196"/>
      <c r="P43" s="197"/>
      <c r="Q43" s="197"/>
      <c r="R43" s="198"/>
      <c r="S43" s="64" t="s">
        <v>40</v>
      </c>
      <c r="T43" s="65" t="s">
        <v>41</v>
      </c>
      <c r="U43" s="66"/>
      <c r="V43" s="207" t="s">
        <v>45</v>
      </c>
      <c r="W43" s="208"/>
      <c r="X43" s="208"/>
      <c r="Y43" s="208"/>
      <c r="Z43" s="209"/>
      <c r="AA43" s="3"/>
      <c r="AB43" s="72"/>
      <c r="AC43" s="72"/>
      <c r="AD43" s="72"/>
      <c r="AE43" s="72"/>
      <c r="AF43" s="72"/>
      <c r="AG43" s="72"/>
      <c r="AH43" s="72"/>
      <c r="AI43" s="72"/>
      <c r="AJ43" s="72"/>
      <c r="AK43" s="72"/>
      <c r="AL43" s="72"/>
      <c r="AM43" s="72"/>
      <c r="AN43" s="72"/>
      <c r="AO43" s="72"/>
      <c r="AP43" s="72"/>
      <c r="AQ43" s="72"/>
      <c r="AR43" s="72"/>
      <c r="AS43" s="71"/>
      <c r="AT43" s="71"/>
      <c r="AU43" s="70"/>
      <c r="AV43" s="70"/>
      <c r="AW43" s="70"/>
      <c r="AX43" s="70"/>
      <c r="AY43" s="70"/>
      <c r="AZ43" s="70"/>
      <c r="BA43" s="70"/>
      <c r="BB43" s="3"/>
    </row>
    <row r="44" spans="1:54" ht="18.75" customHeight="1" x14ac:dyDescent="0.15">
      <c r="A44" s="3"/>
      <c r="B44" s="243" t="s">
        <v>69</v>
      </c>
      <c r="C44" s="244"/>
      <c r="D44" s="244"/>
      <c r="E44" s="244"/>
      <c r="F44" s="244"/>
      <c r="G44" s="244"/>
      <c r="H44" s="244"/>
      <c r="I44" s="245"/>
      <c r="J44" s="193"/>
      <c r="K44" s="194"/>
      <c r="L44" s="194"/>
      <c r="M44" s="194"/>
      <c r="N44" s="195"/>
      <c r="O44" s="193"/>
      <c r="P44" s="194"/>
      <c r="Q44" s="194"/>
      <c r="R44" s="195"/>
      <c r="S44" s="44" t="s">
        <v>42</v>
      </c>
      <c r="T44" s="62" t="s">
        <v>43</v>
      </c>
      <c r="U44" s="63"/>
      <c r="V44" s="44" t="s">
        <v>23</v>
      </c>
      <c r="W44" s="202" t="s">
        <v>67</v>
      </c>
      <c r="X44" s="202"/>
      <c r="Y44" s="202"/>
      <c r="Z44" s="203"/>
      <c r="AA44" s="3"/>
      <c r="AB44" s="72"/>
      <c r="AC44" s="72"/>
      <c r="AD44" s="72"/>
      <c r="AE44" s="72"/>
      <c r="AF44" s="72"/>
      <c r="AG44" s="72"/>
      <c r="AH44" s="72"/>
      <c r="AI44" s="72"/>
      <c r="AJ44" s="72"/>
      <c r="AS44" s="71"/>
      <c r="AT44" s="71"/>
      <c r="AU44" s="70"/>
      <c r="AV44" s="70"/>
      <c r="AW44" s="70"/>
      <c r="AX44" s="70"/>
      <c r="AY44" s="70"/>
      <c r="AZ44" s="70"/>
      <c r="BA44" s="70"/>
      <c r="BB44" s="3"/>
    </row>
    <row r="45" spans="1:54" ht="18.75" customHeight="1" thickBot="1" x14ac:dyDescent="0.25">
      <c r="A45" s="3"/>
      <c r="B45" s="31"/>
      <c r="C45" s="39" t="s">
        <v>95</v>
      </c>
      <c r="D45" s="39"/>
      <c r="E45" s="39" t="s">
        <v>96</v>
      </c>
      <c r="F45" s="39"/>
      <c r="G45" s="39" t="s">
        <v>95</v>
      </c>
      <c r="H45" s="39"/>
      <c r="I45" s="73" t="s">
        <v>97</v>
      </c>
      <c r="J45" s="199"/>
      <c r="K45" s="200"/>
      <c r="L45" s="200"/>
      <c r="M45" s="200"/>
      <c r="N45" s="201"/>
      <c r="O45" s="199"/>
      <c r="P45" s="200"/>
      <c r="Q45" s="200"/>
      <c r="R45" s="201"/>
      <c r="S45" s="74" t="s">
        <v>40</v>
      </c>
      <c r="T45" s="75" t="s">
        <v>41</v>
      </c>
      <c r="U45" s="76"/>
      <c r="V45" s="204" t="s">
        <v>45</v>
      </c>
      <c r="W45" s="205"/>
      <c r="X45" s="205"/>
      <c r="Y45" s="205"/>
      <c r="Z45" s="206"/>
      <c r="AA45" s="3"/>
      <c r="AB45" s="309" t="s">
        <v>109</v>
      </c>
      <c r="AC45" s="309"/>
      <c r="AD45" s="77"/>
      <c r="AE45" s="77" t="s">
        <v>95</v>
      </c>
      <c r="AF45" s="77"/>
      <c r="AG45" s="77" t="s">
        <v>97</v>
      </c>
      <c r="AH45" s="77"/>
      <c r="AI45" s="77" t="s">
        <v>101</v>
      </c>
      <c r="AJ45" s="78"/>
      <c r="AS45" s="136" t="s">
        <v>88</v>
      </c>
      <c r="AT45" s="136"/>
      <c r="AU45" s="136"/>
      <c r="AV45" s="136"/>
      <c r="AW45" s="136"/>
      <c r="AX45" s="136"/>
      <c r="AY45" s="136"/>
      <c r="AZ45" s="136"/>
      <c r="BA45" s="70"/>
      <c r="BB45" s="3"/>
    </row>
    <row r="46" spans="1:54" ht="12.6" x14ac:dyDescent="0.2">
      <c r="D46" s="79" t="s">
        <v>91</v>
      </c>
      <c r="E46" s="53"/>
      <c r="F46" s="53"/>
      <c r="G46" s="53"/>
      <c r="H46" s="53"/>
      <c r="I46" s="53"/>
      <c r="J46" s="53"/>
      <c r="K46" s="53"/>
      <c r="L46" s="53"/>
      <c r="M46" s="80"/>
      <c r="N46" s="80"/>
      <c r="O46" s="80"/>
      <c r="P46" s="80"/>
      <c r="Q46" s="80"/>
      <c r="R46" s="80"/>
      <c r="S46" s="80"/>
      <c r="T46" s="80"/>
      <c r="U46" s="80"/>
      <c r="V46" s="80"/>
      <c r="W46" s="80"/>
      <c r="X46" s="80"/>
      <c r="Y46" s="80"/>
      <c r="Z46" s="80"/>
      <c r="AS46" s="138" t="s">
        <v>89</v>
      </c>
      <c r="AT46" s="138"/>
      <c r="AU46" s="138"/>
      <c r="AV46" s="138"/>
      <c r="AW46" s="138"/>
      <c r="AX46" s="138"/>
      <c r="AY46" s="138"/>
      <c r="AZ46" s="138"/>
    </row>
    <row r="47" spans="1:54" ht="18" customHeight="1" x14ac:dyDescent="0.2">
      <c r="D47" s="80"/>
      <c r="E47" s="80"/>
      <c r="F47" s="80"/>
      <c r="G47" s="80"/>
      <c r="H47" s="80"/>
      <c r="I47" s="80"/>
      <c r="J47" s="80"/>
      <c r="K47" s="80"/>
      <c r="L47" s="80"/>
    </row>
    <row r="48" spans="1:54" ht="18" customHeight="1" x14ac:dyDescent="0.2">
      <c r="D48" s="80"/>
      <c r="E48" s="80"/>
      <c r="F48" s="80"/>
      <c r="G48" s="80"/>
      <c r="H48" s="80"/>
      <c r="I48" s="80"/>
      <c r="J48" s="80"/>
      <c r="K48" s="80"/>
      <c r="L48" s="80"/>
    </row>
    <row r="49" spans="4:4" ht="18" customHeight="1" x14ac:dyDescent="0.2">
      <c r="D49" s="80" t="s">
        <v>33</v>
      </c>
    </row>
  </sheetData>
  <mergeCells count="191">
    <mergeCell ref="AB30:AI30"/>
    <mergeCell ref="AJ30:AU30"/>
    <mergeCell ref="AB29:AF29"/>
    <mergeCell ref="AE40:BA40"/>
    <mergeCell ref="AJ26:BA26"/>
    <mergeCell ref="AJ27:BA27"/>
    <mergeCell ref="AP19:AQ20"/>
    <mergeCell ref="AB19:AE20"/>
    <mergeCell ref="AI19:AI20"/>
    <mergeCell ref="AJ19:AJ20"/>
    <mergeCell ref="AK19:AK20"/>
    <mergeCell ref="AL19:AL20"/>
    <mergeCell ref="AG19:AH20"/>
    <mergeCell ref="AB23:AI23"/>
    <mergeCell ref="AB24:AI24"/>
    <mergeCell ref="AJ23:BA23"/>
    <mergeCell ref="B16:D16"/>
    <mergeCell ref="B17:C17"/>
    <mergeCell ref="B19:D19"/>
    <mergeCell ref="B18:F18"/>
    <mergeCell ref="B30:D31"/>
    <mergeCell ref="B28:D29"/>
    <mergeCell ref="B26:D27"/>
    <mergeCell ref="B24:D25"/>
    <mergeCell ref="B22:D23"/>
    <mergeCell ref="B20:D21"/>
    <mergeCell ref="B5:D5"/>
    <mergeCell ref="B4:D4"/>
    <mergeCell ref="B8:D8"/>
    <mergeCell ref="B10:D10"/>
    <mergeCell ref="B11:D11"/>
    <mergeCell ref="B12:D12"/>
    <mergeCell ref="B14:D14"/>
    <mergeCell ref="B13:D13"/>
    <mergeCell ref="E13:T14"/>
    <mergeCell ref="B9:D9"/>
    <mergeCell ref="B7:D7"/>
    <mergeCell ref="Q10:S10"/>
    <mergeCell ref="R6:T8"/>
    <mergeCell ref="E6:Q7"/>
    <mergeCell ref="E11:T11"/>
    <mergeCell ref="G12:H12"/>
    <mergeCell ref="J12:K12"/>
    <mergeCell ref="B15:F15"/>
    <mergeCell ref="B6:D6"/>
    <mergeCell ref="U13:V13"/>
    <mergeCell ref="X13:Z13"/>
    <mergeCell ref="I18:S18"/>
    <mergeCell ref="G18:H18"/>
    <mergeCell ref="T18:U18"/>
    <mergeCell ref="V18:Z18"/>
    <mergeCell ref="W30:Z31"/>
    <mergeCell ref="W24:Z25"/>
    <mergeCell ref="N26:Q27"/>
    <mergeCell ref="R26:V27"/>
    <mergeCell ref="W26:Z27"/>
    <mergeCell ref="N28:Q29"/>
    <mergeCell ref="R28:V29"/>
    <mergeCell ref="W28:Z29"/>
    <mergeCell ref="H25:I25"/>
    <mergeCell ref="H27:I27"/>
    <mergeCell ref="H29:I29"/>
    <mergeCell ref="H31:I31"/>
    <mergeCell ref="W19:Z19"/>
    <mergeCell ref="N20:Q21"/>
    <mergeCell ref="R20:V21"/>
    <mergeCell ref="W20:Z21"/>
    <mergeCell ref="J36:N37"/>
    <mergeCell ref="J38:N39"/>
    <mergeCell ref="B42:I42"/>
    <mergeCell ref="B44:I44"/>
    <mergeCell ref="V43:Z43"/>
    <mergeCell ref="W42:Z42"/>
    <mergeCell ref="N22:Q23"/>
    <mergeCell ref="R22:V23"/>
    <mergeCell ref="E19:M19"/>
    <mergeCell ref="N19:Q19"/>
    <mergeCell ref="R19:V19"/>
    <mergeCell ref="N24:Q25"/>
    <mergeCell ref="R24:V25"/>
    <mergeCell ref="N30:Q31"/>
    <mergeCell ref="R30:V31"/>
    <mergeCell ref="W22:Z23"/>
    <mergeCell ref="H21:I21"/>
    <mergeCell ref="H23:I23"/>
    <mergeCell ref="S33:U33"/>
    <mergeCell ref="J40:N41"/>
    <mergeCell ref="B33:I33"/>
    <mergeCell ref="B34:I34"/>
    <mergeCell ref="B36:I36"/>
    <mergeCell ref="B38:I38"/>
    <mergeCell ref="B40:I40"/>
    <mergeCell ref="O34:R35"/>
    <mergeCell ref="O36:R37"/>
    <mergeCell ref="V41:Z41"/>
    <mergeCell ref="W40:Z40"/>
    <mergeCell ref="W34:Z34"/>
    <mergeCell ref="V33:Z33"/>
    <mergeCell ref="V39:Z39"/>
    <mergeCell ref="V35:Z35"/>
    <mergeCell ref="W36:Z36"/>
    <mergeCell ref="G32:H32"/>
    <mergeCell ref="I32:S32"/>
    <mergeCell ref="T32:U32"/>
    <mergeCell ref="V32:Z32"/>
    <mergeCell ref="B32:F32"/>
    <mergeCell ref="O3:T3"/>
    <mergeCell ref="D2:N3"/>
    <mergeCell ref="R5:T5"/>
    <mergeCell ref="E5:Q5"/>
    <mergeCell ref="E4:T4"/>
    <mergeCell ref="E9:E10"/>
    <mergeCell ref="V10:Y10"/>
    <mergeCell ref="J42:N43"/>
    <mergeCell ref="J44:N45"/>
    <mergeCell ref="W44:Z44"/>
    <mergeCell ref="V45:Z45"/>
    <mergeCell ref="V37:Z37"/>
    <mergeCell ref="W38:Z38"/>
    <mergeCell ref="S16:Z17"/>
    <mergeCell ref="G16:R17"/>
    <mergeCell ref="G15:Z15"/>
    <mergeCell ref="O33:R33"/>
    <mergeCell ref="J33:N33"/>
    <mergeCell ref="O10:P10"/>
    <mergeCell ref="O38:R39"/>
    <mergeCell ref="O40:R41"/>
    <mergeCell ref="O42:R43"/>
    <mergeCell ref="O44:R45"/>
    <mergeCell ref="J34:N35"/>
    <mergeCell ref="AI2:BA2"/>
    <mergeCell ref="AB2:AH2"/>
    <mergeCell ref="V3:X3"/>
    <mergeCell ref="AB3:AH3"/>
    <mergeCell ref="AB5:AH5"/>
    <mergeCell ref="AI5:BA6"/>
    <mergeCell ref="AI3:BA4"/>
    <mergeCell ref="AD4:AE4"/>
    <mergeCell ref="AB4:AC4"/>
    <mergeCell ref="AF4:AG4"/>
    <mergeCell ref="AB6:AC6"/>
    <mergeCell ref="AD6:AE6"/>
    <mergeCell ref="AF6:AG6"/>
    <mergeCell ref="AI7:BA8"/>
    <mergeCell ref="AB7:AH7"/>
    <mergeCell ref="AB11:AH11"/>
    <mergeCell ref="AH22:BA22"/>
    <mergeCell ref="AB22:AF22"/>
    <mergeCell ref="AB14:BA17"/>
    <mergeCell ref="AB8:AC8"/>
    <mergeCell ref="AD8:AE8"/>
    <mergeCell ref="AF8:AG8"/>
    <mergeCell ref="AB10:AC10"/>
    <mergeCell ref="AD10:AE10"/>
    <mergeCell ref="AF10:AG10"/>
    <mergeCell ref="AB12:AC12"/>
    <mergeCell ref="AD12:AE12"/>
    <mergeCell ref="AF12:AG12"/>
    <mergeCell ref="AU19:AU20"/>
    <mergeCell ref="AV19:AV20"/>
    <mergeCell ref="AW19:AW20"/>
    <mergeCell ref="AM19:AM20"/>
    <mergeCell ref="AN19:AN20"/>
    <mergeCell ref="AO19:AO20"/>
    <mergeCell ref="AR19:AR20"/>
    <mergeCell ref="AS19:AS20"/>
    <mergeCell ref="AT19:AT20"/>
    <mergeCell ref="AJ28:BA28"/>
    <mergeCell ref="AB25:AI27"/>
    <mergeCell ref="AB28:AI28"/>
    <mergeCell ref="AH31:AI31"/>
    <mergeCell ref="AN31:AR31"/>
    <mergeCell ref="AB33:BA37"/>
    <mergeCell ref="AS46:AZ46"/>
    <mergeCell ref="AB9:AH9"/>
    <mergeCell ref="AI9:BA10"/>
    <mergeCell ref="AB13:BA13"/>
    <mergeCell ref="AB39:AD39"/>
    <mergeCell ref="AJ29:AR29"/>
    <mergeCell ref="AS29:BA29"/>
    <mergeCell ref="AS45:AT45"/>
    <mergeCell ref="AB41:BA41"/>
    <mergeCell ref="AU31:BA31"/>
    <mergeCell ref="AB31:AF31"/>
    <mergeCell ref="AB32:BA32"/>
    <mergeCell ref="AB38:AD38"/>
    <mergeCell ref="AJ24:BA24"/>
    <mergeCell ref="AJ25:BA25"/>
    <mergeCell ref="AI11:BA12"/>
    <mergeCell ref="AU45:AZ45"/>
    <mergeCell ref="AB45:AC45"/>
  </mergeCells>
  <phoneticPr fontId="2"/>
  <pageMargins left="0.59055118110236227" right="0.47244094488188981" top="0.78740157480314965" bottom="0.55118110236220474" header="0.19685039370078741" footer="0.19685039370078741"/>
  <pageSetup paperSize="9" scale="92" fitToWidth="0" fitToHeight="0" orientation="portrait" r:id="rId1"/>
  <headerFooter alignWithMargins="0"/>
  <colBreaks count="1" manualBreakCount="1">
    <brk id="26" min="1" max="45" man="1"/>
  </col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rgb="FF00B050"/>
  </sheetPr>
  <dimension ref="A1:BB49"/>
  <sheetViews>
    <sheetView showGridLines="0" view="pageBreakPreview" zoomScaleNormal="85" zoomScaleSheetLayoutView="100" workbookViewId="0">
      <selection activeCell="E6" sqref="E6:Q7"/>
    </sheetView>
  </sheetViews>
  <sheetFormatPr defaultRowHeight="18" customHeight="1" x14ac:dyDescent="0.2"/>
  <cols>
    <col min="1" max="1" width="4.88671875" style="1" customWidth="1"/>
    <col min="2" max="4" width="3.88671875" style="1" customWidth="1"/>
    <col min="5" max="5" width="5" style="1" customWidth="1"/>
    <col min="6" max="6" width="3.77734375" style="1" customWidth="1"/>
    <col min="7" max="7" width="5" style="1" customWidth="1"/>
    <col min="8" max="8" width="3.6640625" style="1" customWidth="1"/>
    <col min="9" max="9" width="2.44140625" style="1" customWidth="1"/>
    <col min="10" max="10" width="5" style="1" customWidth="1"/>
    <col min="11" max="11" width="3.6640625" style="1" customWidth="1"/>
    <col min="12" max="12" width="5" style="1" customWidth="1"/>
    <col min="13" max="13" width="2.44140625" style="1" customWidth="1"/>
    <col min="14" max="14" width="3.6640625" style="1" customWidth="1"/>
    <col min="15" max="15" width="3.44140625" style="1" bestFit="1" customWidth="1"/>
    <col min="16" max="16" width="3.6640625" style="1" customWidth="1"/>
    <col min="17" max="17" width="3.44140625" style="1" bestFit="1" customWidth="1"/>
    <col min="18" max="18" width="3.6640625" style="1" customWidth="1"/>
    <col min="19" max="19" width="3.44140625" style="1" bestFit="1" customWidth="1"/>
    <col min="20" max="20" width="5.109375" style="1" customWidth="1"/>
    <col min="21" max="21" width="2.109375" style="1" customWidth="1"/>
    <col min="22" max="22" width="3.6640625" style="1" customWidth="1"/>
    <col min="23" max="23" width="2.88671875" style="1" customWidth="1"/>
    <col min="24" max="24" width="8.6640625" style="1" customWidth="1"/>
    <col min="25" max="25" width="1.77734375" style="1" customWidth="1"/>
    <col min="26" max="26" width="1.6640625" style="1" customWidth="1"/>
    <col min="27" max="27" width="5" style="1" customWidth="1"/>
    <col min="28" max="31" width="3.44140625" style="1" customWidth="1"/>
    <col min="32" max="32" width="3.109375" style="1" customWidth="1"/>
    <col min="33" max="34" width="3.77734375" style="1" customWidth="1"/>
    <col min="35" max="53" width="3.44140625" style="1" customWidth="1"/>
    <col min="54" max="54" width="5" style="1" customWidth="1"/>
    <col min="55" max="263" width="9" style="1"/>
    <col min="264" max="264" width="11.6640625" style="1" bestFit="1" customWidth="1"/>
    <col min="265" max="265" width="6.44140625" style="1" bestFit="1" customWidth="1"/>
    <col min="266" max="266" width="2.109375" style="1" customWidth="1"/>
    <col min="267" max="267" width="4.6640625" style="1" customWidth="1"/>
    <col min="268" max="269" width="2.109375" style="1" customWidth="1"/>
    <col min="270" max="270" width="5.6640625" style="1" customWidth="1"/>
    <col min="271" max="271" width="3.6640625" style="1" customWidth="1"/>
    <col min="272" max="272" width="5.6640625" style="1" customWidth="1"/>
    <col min="273" max="273" width="3.6640625" style="1" customWidth="1"/>
    <col min="274" max="274" width="3.44140625" style="1" bestFit="1" customWidth="1"/>
    <col min="275" max="275" width="3.6640625" style="1" customWidth="1"/>
    <col min="276" max="276" width="3.44140625" style="1" bestFit="1" customWidth="1"/>
    <col min="277" max="277" width="3.6640625" style="1" customWidth="1"/>
    <col min="278" max="278" width="3.44140625" style="1" bestFit="1" customWidth="1"/>
    <col min="279" max="279" width="5.109375" style="1" customWidth="1"/>
    <col min="280" max="280" width="2.109375" style="1" customWidth="1"/>
    <col min="281" max="281" width="3.6640625" style="1" customWidth="1"/>
    <col min="282" max="282" width="2.88671875" style="1" customWidth="1"/>
    <col min="283" max="283" width="8.6640625" style="1" customWidth="1"/>
    <col min="284" max="284" width="2.88671875" style="1" customWidth="1"/>
    <col min="285" max="285" width="1.6640625" style="1" customWidth="1"/>
    <col min="286" max="286" width="10.33203125" style="1" customWidth="1"/>
    <col min="287" max="287" width="5.6640625" style="1" customWidth="1"/>
    <col min="288" max="288" width="2.109375" style="1" customWidth="1"/>
    <col min="289" max="289" width="1.88671875" style="1" customWidth="1"/>
    <col min="290" max="290" width="2.109375" style="1" customWidth="1"/>
    <col min="291" max="291" width="3.109375" style="1" customWidth="1"/>
    <col min="292" max="293" width="3.6640625" style="1" customWidth="1"/>
    <col min="294" max="294" width="5.109375" style="1" customWidth="1"/>
    <col min="295" max="295" width="8.88671875" style="1" customWidth="1"/>
    <col min="296" max="296" width="2.6640625" style="1" customWidth="1"/>
    <col min="297" max="299" width="2.109375" style="1" customWidth="1"/>
    <col min="300" max="300" width="5.6640625" style="1" customWidth="1"/>
    <col min="301" max="301" width="2.109375" style="1" customWidth="1"/>
    <col min="302" max="302" width="15.109375" style="1" customWidth="1"/>
    <col min="303" max="303" width="1.6640625" style="1" customWidth="1"/>
    <col min="304" max="304" width="3.109375" style="1" customWidth="1"/>
    <col min="305" max="305" width="3.6640625" style="1" customWidth="1"/>
    <col min="306" max="306" width="3.109375" style="1" customWidth="1"/>
    <col min="307" max="307" width="2.6640625" style="1" customWidth="1"/>
    <col min="308" max="308" width="6.6640625" style="1" customWidth="1"/>
    <col min="309" max="309" width="2.6640625" style="1" customWidth="1"/>
    <col min="310" max="519" width="9" style="1"/>
    <col min="520" max="520" width="11.6640625" style="1" bestFit="1" customWidth="1"/>
    <col min="521" max="521" width="6.44140625" style="1" bestFit="1" customWidth="1"/>
    <col min="522" max="522" width="2.109375" style="1" customWidth="1"/>
    <col min="523" max="523" width="4.6640625" style="1" customWidth="1"/>
    <col min="524" max="525" width="2.109375" style="1" customWidth="1"/>
    <col min="526" max="526" width="5.6640625" style="1" customWidth="1"/>
    <col min="527" max="527" width="3.6640625" style="1" customWidth="1"/>
    <col min="528" max="528" width="5.6640625" style="1" customWidth="1"/>
    <col min="529" max="529" width="3.6640625" style="1" customWidth="1"/>
    <col min="530" max="530" width="3.44140625" style="1" bestFit="1" customWidth="1"/>
    <col min="531" max="531" width="3.6640625" style="1" customWidth="1"/>
    <col min="532" max="532" width="3.44140625" style="1" bestFit="1" customWidth="1"/>
    <col min="533" max="533" width="3.6640625" style="1" customWidth="1"/>
    <col min="534" max="534" width="3.44140625" style="1" bestFit="1" customWidth="1"/>
    <col min="535" max="535" width="5.109375" style="1" customWidth="1"/>
    <col min="536" max="536" width="2.109375" style="1" customWidth="1"/>
    <col min="537" max="537" width="3.6640625" style="1" customWidth="1"/>
    <col min="538" max="538" width="2.88671875" style="1" customWidth="1"/>
    <col min="539" max="539" width="8.6640625" style="1" customWidth="1"/>
    <col min="540" max="540" width="2.88671875" style="1" customWidth="1"/>
    <col min="541" max="541" width="1.6640625" style="1" customWidth="1"/>
    <col min="542" max="542" width="10.33203125" style="1" customWidth="1"/>
    <col min="543" max="543" width="5.6640625" style="1" customWidth="1"/>
    <col min="544" max="544" width="2.109375" style="1" customWidth="1"/>
    <col min="545" max="545" width="1.88671875" style="1" customWidth="1"/>
    <col min="546" max="546" width="2.109375" style="1" customWidth="1"/>
    <col min="547" max="547" width="3.109375" style="1" customWidth="1"/>
    <col min="548" max="549" width="3.6640625" style="1" customWidth="1"/>
    <col min="550" max="550" width="5.109375" style="1" customWidth="1"/>
    <col min="551" max="551" width="8.88671875" style="1" customWidth="1"/>
    <col min="552" max="552" width="2.6640625" style="1" customWidth="1"/>
    <col min="553" max="555" width="2.109375" style="1" customWidth="1"/>
    <col min="556" max="556" width="5.6640625" style="1" customWidth="1"/>
    <col min="557" max="557" width="2.109375" style="1" customWidth="1"/>
    <col min="558" max="558" width="15.109375" style="1" customWidth="1"/>
    <col min="559" max="559" width="1.6640625" style="1" customWidth="1"/>
    <col min="560" max="560" width="3.109375" style="1" customWidth="1"/>
    <col min="561" max="561" width="3.6640625" style="1" customWidth="1"/>
    <col min="562" max="562" width="3.109375" style="1" customWidth="1"/>
    <col min="563" max="563" width="2.6640625" style="1" customWidth="1"/>
    <col min="564" max="564" width="6.6640625" style="1" customWidth="1"/>
    <col min="565" max="565" width="2.6640625" style="1" customWidth="1"/>
    <col min="566" max="775" width="9" style="1"/>
    <col min="776" max="776" width="11.6640625" style="1" bestFit="1" customWidth="1"/>
    <col min="777" max="777" width="6.44140625" style="1" bestFit="1" customWidth="1"/>
    <col min="778" max="778" width="2.109375" style="1" customWidth="1"/>
    <col min="779" max="779" width="4.6640625" style="1" customWidth="1"/>
    <col min="780" max="781" width="2.109375" style="1" customWidth="1"/>
    <col min="782" max="782" width="5.6640625" style="1" customWidth="1"/>
    <col min="783" max="783" width="3.6640625" style="1" customWidth="1"/>
    <col min="784" max="784" width="5.6640625" style="1" customWidth="1"/>
    <col min="785" max="785" width="3.6640625" style="1" customWidth="1"/>
    <col min="786" max="786" width="3.44140625" style="1" bestFit="1" customWidth="1"/>
    <col min="787" max="787" width="3.6640625" style="1" customWidth="1"/>
    <col min="788" max="788" width="3.44140625" style="1" bestFit="1" customWidth="1"/>
    <col min="789" max="789" width="3.6640625" style="1" customWidth="1"/>
    <col min="790" max="790" width="3.44140625" style="1" bestFit="1" customWidth="1"/>
    <col min="791" max="791" width="5.109375" style="1" customWidth="1"/>
    <col min="792" max="792" width="2.109375" style="1" customWidth="1"/>
    <col min="793" max="793" width="3.6640625" style="1" customWidth="1"/>
    <col min="794" max="794" width="2.88671875" style="1" customWidth="1"/>
    <col min="795" max="795" width="8.6640625" style="1" customWidth="1"/>
    <col min="796" max="796" width="2.88671875" style="1" customWidth="1"/>
    <col min="797" max="797" width="1.6640625" style="1" customWidth="1"/>
    <col min="798" max="798" width="10.33203125" style="1" customWidth="1"/>
    <col min="799" max="799" width="5.6640625" style="1" customWidth="1"/>
    <col min="800" max="800" width="2.109375" style="1" customWidth="1"/>
    <col min="801" max="801" width="1.88671875" style="1" customWidth="1"/>
    <col min="802" max="802" width="2.109375" style="1" customWidth="1"/>
    <col min="803" max="803" width="3.109375" style="1" customWidth="1"/>
    <col min="804" max="805" width="3.6640625" style="1" customWidth="1"/>
    <col min="806" max="806" width="5.109375" style="1" customWidth="1"/>
    <col min="807" max="807" width="8.88671875" style="1" customWidth="1"/>
    <col min="808" max="808" width="2.6640625" style="1" customWidth="1"/>
    <col min="809" max="811" width="2.109375" style="1" customWidth="1"/>
    <col min="812" max="812" width="5.6640625" style="1" customWidth="1"/>
    <col min="813" max="813" width="2.109375" style="1" customWidth="1"/>
    <col min="814" max="814" width="15.109375" style="1" customWidth="1"/>
    <col min="815" max="815" width="1.6640625" style="1" customWidth="1"/>
    <col min="816" max="816" width="3.109375" style="1" customWidth="1"/>
    <col min="817" max="817" width="3.6640625" style="1" customWidth="1"/>
    <col min="818" max="818" width="3.109375" style="1" customWidth="1"/>
    <col min="819" max="819" width="2.6640625" style="1" customWidth="1"/>
    <col min="820" max="820" width="6.6640625" style="1" customWidth="1"/>
    <col min="821" max="821" width="2.6640625" style="1" customWidth="1"/>
    <col min="822" max="1031" width="9" style="1"/>
    <col min="1032" max="1032" width="11.6640625" style="1" bestFit="1" customWidth="1"/>
    <col min="1033" max="1033" width="6.44140625" style="1" bestFit="1" customWidth="1"/>
    <col min="1034" max="1034" width="2.109375" style="1" customWidth="1"/>
    <col min="1035" max="1035" width="4.6640625" style="1" customWidth="1"/>
    <col min="1036" max="1037" width="2.109375" style="1" customWidth="1"/>
    <col min="1038" max="1038" width="5.6640625" style="1" customWidth="1"/>
    <col min="1039" max="1039" width="3.6640625" style="1" customWidth="1"/>
    <col min="1040" max="1040" width="5.6640625" style="1" customWidth="1"/>
    <col min="1041" max="1041" width="3.6640625" style="1" customWidth="1"/>
    <col min="1042" max="1042" width="3.44140625" style="1" bestFit="1" customWidth="1"/>
    <col min="1043" max="1043" width="3.6640625" style="1" customWidth="1"/>
    <col min="1044" max="1044" width="3.44140625" style="1" bestFit="1" customWidth="1"/>
    <col min="1045" max="1045" width="3.6640625" style="1" customWidth="1"/>
    <col min="1046" max="1046" width="3.44140625" style="1" bestFit="1" customWidth="1"/>
    <col min="1047" max="1047" width="5.109375" style="1" customWidth="1"/>
    <col min="1048" max="1048" width="2.109375" style="1" customWidth="1"/>
    <col min="1049" max="1049" width="3.6640625" style="1" customWidth="1"/>
    <col min="1050" max="1050" width="2.88671875" style="1" customWidth="1"/>
    <col min="1051" max="1051" width="8.6640625" style="1" customWidth="1"/>
    <col min="1052" max="1052" width="2.88671875" style="1" customWidth="1"/>
    <col min="1053" max="1053" width="1.6640625" style="1" customWidth="1"/>
    <col min="1054" max="1054" width="10.33203125" style="1" customWidth="1"/>
    <col min="1055" max="1055" width="5.6640625" style="1" customWidth="1"/>
    <col min="1056" max="1056" width="2.109375" style="1" customWidth="1"/>
    <col min="1057" max="1057" width="1.88671875" style="1" customWidth="1"/>
    <col min="1058" max="1058" width="2.109375" style="1" customWidth="1"/>
    <col min="1059" max="1059" width="3.109375" style="1" customWidth="1"/>
    <col min="1060" max="1061" width="3.6640625" style="1" customWidth="1"/>
    <col min="1062" max="1062" width="5.109375" style="1" customWidth="1"/>
    <col min="1063" max="1063" width="8.88671875" style="1" customWidth="1"/>
    <col min="1064" max="1064" width="2.6640625" style="1" customWidth="1"/>
    <col min="1065" max="1067" width="2.109375" style="1" customWidth="1"/>
    <col min="1068" max="1068" width="5.6640625" style="1" customWidth="1"/>
    <col min="1069" max="1069" width="2.109375" style="1" customWidth="1"/>
    <col min="1070" max="1070" width="15.109375" style="1" customWidth="1"/>
    <col min="1071" max="1071" width="1.6640625" style="1" customWidth="1"/>
    <col min="1072" max="1072" width="3.109375" style="1" customWidth="1"/>
    <col min="1073" max="1073" width="3.6640625" style="1" customWidth="1"/>
    <col min="1074" max="1074" width="3.109375" style="1" customWidth="1"/>
    <col min="1075" max="1075" width="2.6640625" style="1" customWidth="1"/>
    <col min="1076" max="1076" width="6.6640625" style="1" customWidth="1"/>
    <col min="1077" max="1077" width="2.6640625" style="1" customWidth="1"/>
    <col min="1078" max="1287" width="9" style="1"/>
    <col min="1288" max="1288" width="11.6640625" style="1" bestFit="1" customWidth="1"/>
    <col min="1289" max="1289" width="6.44140625" style="1" bestFit="1" customWidth="1"/>
    <col min="1290" max="1290" width="2.109375" style="1" customWidth="1"/>
    <col min="1291" max="1291" width="4.6640625" style="1" customWidth="1"/>
    <col min="1292" max="1293" width="2.109375" style="1" customWidth="1"/>
    <col min="1294" max="1294" width="5.6640625" style="1" customWidth="1"/>
    <col min="1295" max="1295" width="3.6640625" style="1" customWidth="1"/>
    <col min="1296" max="1296" width="5.6640625" style="1" customWidth="1"/>
    <col min="1297" max="1297" width="3.6640625" style="1" customWidth="1"/>
    <col min="1298" max="1298" width="3.44140625" style="1" bestFit="1" customWidth="1"/>
    <col min="1299" max="1299" width="3.6640625" style="1" customWidth="1"/>
    <col min="1300" max="1300" width="3.44140625" style="1" bestFit="1" customWidth="1"/>
    <col min="1301" max="1301" width="3.6640625" style="1" customWidth="1"/>
    <col min="1302" max="1302" width="3.44140625" style="1" bestFit="1" customWidth="1"/>
    <col min="1303" max="1303" width="5.109375" style="1" customWidth="1"/>
    <col min="1304" max="1304" width="2.109375" style="1" customWidth="1"/>
    <col min="1305" max="1305" width="3.6640625" style="1" customWidth="1"/>
    <col min="1306" max="1306" width="2.88671875" style="1" customWidth="1"/>
    <col min="1307" max="1307" width="8.6640625" style="1" customWidth="1"/>
    <col min="1308" max="1308" width="2.88671875" style="1" customWidth="1"/>
    <col min="1309" max="1309" width="1.6640625" style="1" customWidth="1"/>
    <col min="1310" max="1310" width="10.33203125" style="1" customWidth="1"/>
    <col min="1311" max="1311" width="5.6640625" style="1" customWidth="1"/>
    <col min="1312" max="1312" width="2.109375" style="1" customWidth="1"/>
    <col min="1313" max="1313" width="1.88671875" style="1" customWidth="1"/>
    <col min="1314" max="1314" width="2.109375" style="1" customWidth="1"/>
    <col min="1315" max="1315" width="3.109375" style="1" customWidth="1"/>
    <col min="1316" max="1317" width="3.6640625" style="1" customWidth="1"/>
    <col min="1318" max="1318" width="5.109375" style="1" customWidth="1"/>
    <col min="1319" max="1319" width="8.88671875" style="1" customWidth="1"/>
    <col min="1320" max="1320" width="2.6640625" style="1" customWidth="1"/>
    <col min="1321" max="1323" width="2.109375" style="1" customWidth="1"/>
    <col min="1324" max="1324" width="5.6640625" style="1" customWidth="1"/>
    <col min="1325" max="1325" width="2.109375" style="1" customWidth="1"/>
    <col min="1326" max="1326" width="15.109375" style="1" customWidth="1"/>
    <col min="1327" max="1327" width="1.6640625" style="1" customWidth="1"/>
    <col min="1328" max="1328" width="3.109375" style="1" customWidth="1"/>
    <col min="1329" max="1329" width="3.6640625" style="1" customWidth="1"/>
    <col min="1330" max="1330" width="3.109375" style="1" customWidth="1"/>
    <col min="1331" max="1331" width="2.6640625" style="1" customWidth="1"/>
    <col min="1332" max="1332" width="6.6640625" style="1" customWidth="1"/>
    <col min="1333" max="1333" width="2.6640625" style="1" customWidth="1"/>
    <col min="1334" max="1543" width="9" style="1"/>
    <col min="1544" max="1544" width="11.6640625" style="1" bestFit="1" customWidth="1"/>
    <col min="1545" max="1545" width="6.44140625" style="1" bestFit="1" customWidth="1"/>
    <col min="1546" max="1546" width="2.109375" style="1" customWidth="1"/>
    <col min="1547" max="1547" width="4.6640625" style="1" customWidth="1"/>
    <col min="1548" max="1549" width="2.109375" style="1" customWidth="1"/>
    <col min="1550" max="1550" width="5.6640625" style="1" customWidth="1"/>
    <col min="1551" max="1551" width="3.6640625" style="1" customWidth="1"/>
    <col min="1552" max="1552" width="5.6640625" style="1" customWidth="1"/>
    <col min="1553" max="1553" width="3.6640625" style="1" customWidth="1"/>
    <col min="1554" max="1554" width="3.44140625" style="1" bestFit="1" customWidth="1"/>
    <col min="1555" max="1555" width="3.6640625" style="1" customWidth="1"/>
    <col min="1556" max="1556" width="3.44140625" style="1" bestFit="1" customWidth="1"/>
    <col min="1557" max="1557" width="3.6640625" style="1" customWidth="1"/>
    <col min="1558" max="1558" width="3.44140625" style="1" bestFit="1" customWidth="1"/>
    <col min="1559" max="1559" width="5.109375" style="1" customWidth="1"/>
    <col min="1560" max="1560" width="2.109375" style="1" customWidth="1"/>
    <col min="1561" max="1561" width="3.6640625" style="1" customWidth="1"/>
    <col min="1562" max="1562" width="2.88671875" style="1" customWidth="1"/>
    <col min="1563" max="1563" width="8.6640625" style="1" customWidth="1"/>
    <col min="1564" max="1564" width="2.88671875" style="1" customWidth="1"/>
    <col min="1565" max="1565" width="1.6640625" style="1" customWidth="1"/>
    <col min="1566" max="1566" width="10.33203125" style="1" customWidth="1"/>
    <col min="1567" max="1567" width="5.6640625" style="1" customWidth="1"/>
    <col min="1568" max="1568" width="2.109375" style="1" customWidth="1"/>
    <col min="1569" max="1569" width="1.88671875" style="1" customWidth="1"/>
    <col min="1570" max="1570" width="2.109375" style="1" customWidth="1"/>
    <col min="1571" max="1571" width="3.109375" style="1" customWidth="1"/>
    <col min="1572" max="1573" width="3.6640625" style="1" customWidth="1"/>
    <col min="1574" max="1574" width="5.109375" style="1" customWidth="1"/>
    <col min="1575" max="1575" width="8.88671875" style="1" customWidth="1"/>
    <col min="1576" max="1576" width="2.6640625" style="1" customWidth="1"/>
    <col min="1577" max="1579" width="2.109375" style="1" customWidth="1"/>
    <col min="1580" max="1580" width="5.6640625" style="1" customWidth="1"/>
    <col min="1581" max="1581" width="2.109375" style="1" customWidth="1"/>
    <col min="1582" max="1582" width="15.109375" style="1" customWidth="1"/>
    <col min="1583" max="1583" width="1.6640625" style="1" customWidth="1"/>
    <col min="1584" max="1584" width="3.109375" style="1" customWidth="1"/>
    <col min="1585" max="1585" width="3.6640625" style="1" customWidth="1"/>
    <col min="1586" max="1586" width="3.109375" style="1" customWidth="1"/>
    <col min="1587" max="1587" width="2.6640625" style="1" customWidth="1"/>
    <col min="1588" max="1588" width="6.6640625" style="1" customWidth="1"/>
    <col min="1589" max="1589" width="2.6640625" style="1" customWidth="1"/>
    <col min="1590" max="1799" width="9" style="1"/>
    <col min="1800" max="1800" width="11.6640625" style="1" bestFit="1" customWidth="1"/>
    <col min="1801" max="1801" width="6.44140625" style="1" bestFit="1" customWidth="1"/>
    <col min="1802" max="1802" width="2.109375" style="1" customWidth="1"/>
    <col min="1803" max="1803" width="4.6640625" style="1" customWidth="1"/>
    <col min="1804" max="1805" width="2.109375" style="1" customWidth="1"/>
    <col min="1806" max="1806" width="5.6640625" style="1" customWidth="1"/>
    <col min="1807" max="1807" width="3.6640625" style="1" customWidth="1"/>
    <col min="1808" max="1808" width="5.6640625" style="1" customWidth="1"/>
    <col min="1809" max="1809" width="3.6640625" style="1" customWidth="1"/>
    <col min="1810" max="1810" width="3.44140625" style="1" bestFit="1" customWidth="1"/>
    <col min="1811" max="1811" width="3.6640625" style="1" customWidth="1"/>
    <col min="1812" max="1812" width="3.44140625" style="1" bestFit="1" customWidth="1"/>
    <col min="1813" max="1813" width="3.6640625" style="1" customWidth="1"/>
    <col min="1814" max="1814" width="3.44140625" style="1" bestFit="1" customWidth="1"/>
    <col min="1815" max="1815" width="5.109375" style="1" customWidth="1"/>
    <col min="1816" max="1816" width="2.109375" style="1" customWidth="1"/>
    <col min="1817" max="1817" width="3.6640625" style="1" customWidth="1"/>
    <col min="1818" max="1818" width="2.88671875" style="1" customWidth="1"/>
    <col min="1819" max="1819" width="8.6640625" style="1" customWidth="1"/>
    <col min="1820" max="1820" width="2.88671875" style="1" customWidth="1"/>
    <col min="1821" max="1821" width="1.6640625" style="1" customWidth="1"/>
    <col min="1822" max="1822" width="10.33203125" style="1" customWidth="1"/>
    <col min="1823" max="1823" width="5.6640625" style="1" customWidth="1"/>
    <col min="1824" max="1824" width="2.109375" style="1" customWidth="1"/>
    <col min="1825" max="1825" width="1.88671875" style="1" customWidth="1"/>
    <col min="1826" max="1826" width="2.109375" style="1" customWidth="1"/>
    <col min="1827" max="1827" width="3.109375" style="1" customWidth="1"/>
    <col min="1828" max="1829" width="3.6640625" style="1" customWidth="1"/>
    <col min="1830" max="1830" width="5.109375" style="1" customWidth="1"/>
    <col min="1831" max="1831" width="8.88671875" style="1" customWidth="1"/>
    <col min="1832" max="1832" width="2.6640625" style="1" customWidth="1"/>
    <col min="1833" max="1835" width="2.109375" style="1" customWidth="1"/>
    <col min="1836" max="1836" width="5.6640625" style="1" customWidth="1"/>
    <col min="1837" max="1837" width="2.109375" style="1" customWidth="1"/>
    <col min="1838" max="1838" width="15.109375" style="1" customWidth="1"/>
    <col min="1839" max="1839" width="1.6640625" style="1" customWidth="1"/>
    <col min="1840" max="1840" width="3.109375" style="1" customWidth="1"/>
    <col min="1841" max="1841" width="3.6640625" style="1" customWidth="1"/>
    <col min="1842" max="1842" width="3.109375" style="1" customWidth="1"/>
    <col min="1843" max="1843" width="2.6640625" style="1" customWidth="1"/>
    <col min="1844" max="1844" width="6.6640625" style="1" customWidth="1"/>
    <col min="1845" max="1845" width="2.6640625" style="1" customWidth="1"/>
    <col min="1846" max="2055" width="9" style="1"/>
    <col min="2056" max="2056" width="11.6640625" style="1" bestFit="1" customWidth="1"/>
    <col min="2057" max="2057" width="6.44140625" style="1" bestFit="1" customWidth="1"/>
    <col min="2058" max="2058" width="2.109375" style="1" customWidth="1"/>
    <col min="2059" max="2059" width="4.6640625" style="1" customWidth="1"/>
    <col min="2060" max="2061" width="2.109375" style="1" customWidth="1"/>
    <col min="2062" max="2062" width="5.6640625" style="1" customWidth="1"/>
    <col min="2063" max="2063" width="3.6640625" style="1" customWidth="1"/>
    <col min="2064" max="2064" width="5.6640625" style="1" customWidth="1"/>
    <col min="2065" max="2065" width="3.6640625" style="1" customWidth="1"/>
    <col min="2066" max="2066" width="3.44140625" style="1" bestFit="1" customWidth="1"/>
    <col min="2067" max="2067" width="3.6640625" style="1" customWidth="1"/>
    <col min="2068" max="2068" width="3.44140625" style="1" bestFit="1" customWidth="1"/>
    <col min="2069" max="2069" width="3.6640625" style="1" customWidth="1"/>
    <col min="2070" max="2070" width="3.44140625" style="1" bestFit="1" customWidth="1"/>
    <col min="2071" max="2071" width="5.109375" style="1" customWidth="1"/>
    <col min="2072" max="2072" width="2.109375" style="1" customWidth="1"/>
    <col min="2073" max="2073" width="3.6640625" style="1" customWidth="1"/>
    <col min="2074" max="2074" width="2.88671875" style="1" customWidth="1"/>
    <col min="2075" max="2075" width="8.6640625" style="1" customWidth="1"/>
    <col min="2076" max="2076" width="2.88671875" style="1" customWidth="1"/>
    <col min="2077" max="2077" width="1.6640625" style="1" customWidth="1"/>
    <col min="2078" max="2078" width="10.33203125" style="1" customWidth="1"/>
    <col min="2079" max="2079" width="5.6640625" style="1" customWidth="1"/>
    <col min="2080" max="2080" width="2.109375" style="1" customWidth="1"/>
    <col min="2081" max="2081" width="1.88671875" style="1" customWidth="1"/>
    <col min="2082" max="2082" width="2.109375" style="1" customWidth="1"/>
    <col min="2083" max="2083" width="3.109375" style="1" customWidth="1"/>
    <col min="2084" max="2085" width="3.6640625" style="1" customWidth="1"/>
    <col min="2086" max="2086" width="5.109375" style="1" customWidth="1"/>
    <col min="2087" max="2087" width="8.88671875" style="1" customWidth="1"/>
    <col min="2088" max="2088" width="2.6640625" style="1" customWidth="1"/>
    <col min="2089" max="2091" width="2.109375" style="1" customWidth="1"/>
    <col min="2092" max="2092" width="5.6640625" style="1" customWidth="1"/>
    <col min="2093" max="2093" width="2.109375" style="1" customWidth="1"/>
    <col min="2094" max="2094" width="15.109375" style="1" customWidth="1"/>
    <col min="2095" max="2095" width="1.6640625" style="1" customWidth="1"/>
    <col min="2096" max="2096" width="3.109375" style="1" customWidth="1"/>
    <col min="2097" max="2097" width="3.6640625" style="1" customWidth="1"/>
    <col min="2098" max="2098" width="3.109375" style="1" customWidth="1"/>
    <col min="2099" max="2099" width="2.6640625" style="1" customWidth="1"/>
    <col min="2100" max="2100" width="6.6640625" style="1" customWidth="1"/>
    <col min="2101" max="2101" width="2.6640625" style="1" customWidth="1"/>
    <col min="2102" max="2311" width="9" style="1"/>
    <col min="2312" max="2312" width="11.6640625" style="1" bestFit="1" customWidth="1"/>
    <col min="2313" max="2313" width="6.44140625" style="1" bestFit="1" customWidth="1"/>
    <col min="2314" max="2314" width="2.109375" style="1" customWidth="1"/>
    <col min="2315" max="2315" width="4.6640625" style="1" customWidth="1"/>
    <col min="2316" max="2317" width="2.109375" style="1" customWidth="1"/>
    <col min="2318" max="2318" width="5.6640625" style="1" customWidth="1"/>
    <col min="2319" max="2319" width="3.6640625" style="1" customWidth="1"/>
    <col min="2320" max="2320" width="5.6640625" style="1" customWidth="1"/>
    <col min="2321" max="2321" width="3.6640625" style="1" customWidth="1"/>
    <col min="2322" max="2322" width="3.44140625" style="1" bestFit="1" customWidth="1"/>
    <col min="2323" max="2323" width="3.6640625" style="1" customWidth="1"/>
    <col min="2324" max="2324" width="3.44140625" style="1" bestFit="1" customWidth="1"/>
    <col min="2325" max="2325" width="3.6640625" style="1" customWidth="1"/>
    <col min="2326" max="2326" width="3.44140625" style="1" bestFit="1" customWidth="1"/>
    <col min="2327" max="2327" width="5.109375" style="1" customWidth="1"/>
    <col min="2328" max="2328" width="2.109375" style="1" customWidth="1"/>
    <col min="2329" max="2329" width="3.6640625" style="1" customWidth="1"/>
    <col min="2330" max="2330" width="2.88671875" style="1" customWidth="1"/>
    <col min="2331" max="2331" width="8.6640625" style="1" customWidth="1"/>
    <col min="2332" max="2332" width="2.88671875" style="1" customWidth="1"/>
    <col min="2333" max="2333" width="1.6640625" style="1" customWidth="1"/>
    <col min="2334" max="2334" width="10.33203125" style="1" customWidth="1"/>
    <col min="2335" max="2335" width="5.6640625" style="1" customWidth="1"/>
    <col min="2336" max="2336" width="2.109375" style="1" customWidth="1"/>
    <col min="2337" max="2337" width="1.88671875" style="1" customWidth="1"/>
    <col min="2338" max="2338" width="2.109375" style="1" customWidth="1"/>
    <col min="2339" max="2339" width="3.109375" style="1" customWidth="1"/>
    <col min="2340" max="2341" width="3.6640625" style="1" customWidth="1"/>
    <col min="2342" max="2342" width="5.109375" style="1" customWidth="1"/>
    <col min="2343" max="2343" width="8.88671875" style="1" customWidth="1"/>
    <col min="2344" max="2344" width="2.6640625" style="1" customWidth="1"/>
    <col min="2345" max="2347" width="2.109375" style="1" customWidth="1"/>
    <col min="2348" max="2348" width="5.6640625" style="1" customWidth="1"/>
    <col min="2349" max="2349" width="2.109375" style="1" customWidth="1"/>
    <col min="2350" max="2350" width="15.109375" style="1" customWidth="1"/>
    <col min="2351" max="2351" width="1.6640625" style="1" customWidth="1"/>
    <col min="2352" max="2352" width="3.109375" style="1" customWidth="1"/>
    <col min="2353" max="2353" width="3.6640625" style="1" customWidth="1"/>
    <col min="2354" max="2354" width="3.109375" style="1" customWidth="1"/>
    <col min="2355" max="2355" width="2.6640625" style="1" customWidth="1"/>
    <col min="2356" max="2356" width="6.6640625" style="1" customWidth="1"/>
    <col min="2357" max="2357" width="2.6640625" style="1" customWidth="1"/>
    <col min="2358" max="2567" width="9" style="1"/>
    <col min="2568" max="2568" width="11.6640625" style="1" bestFit="1" customWidth="1"/>
    <col min="2569" max="2569" width="6.44140625" style="1" bestFit="1" customWidth="1"/>
    <col min="2570" max="2570" width="2.109375" style="1" customWidth="1"/>
    <col min="2571" max="2571" width="4.6640625" style="1" customWidth="1"/>
    <col min="2572" max="2573" width="2.109375" style="1" customWidth="1"/>
    <col min="2574" max="2574" width="5.6640625" style="1" customWidth="1"/>
    <col min="2575" max="2575" width="3.6640625" style="1" customWidth="1"/>
    <col min="2576" max="2576" width="5.6640625" style="1" customWidth="1"/>
    <col min="2577" max="2577" width="3.6640625" style="1" customWidth="1"/>
    <col min="2578" max="2578" width="3.44140625" style="1" bestFit="1" customWidth="1"/>
    <col min="2579" max="2579" width="3.6640625" style="1" customWidth="1"/>
    <col min="2580" max="2580" width="3.44140625" style="1" bestFit="1" customWidth="1"/>
    <col min="2581" max="2581" width="3.6640625" style="1" customWidth="1"/>
    <col min="2582" max="2582" width="3.44140625" style="1" bestFit="1" customWidth="1"/>
    <col min="2583" max="2583" width="5.109375" style="1" customWidth="1"/>
    <col min="2584" max="2584" width="2.109375" style="1" customWidth="1"/>
    <col min="2585" max="2585" width="3.6640625" style="1" customWidth="1"/>
    <col min="2586" max="2586" width="2.88671875" style="1" customWidth="1"/>
    <col min="2587" max="2587" width="8.6640625" style="1" customWidth="1"/>
    <col min="2588" max="2588" width="2.88671875" style="1" customWidth="1"/>
    <col min="2589" max="2589" width="1.6640625" style="1" customWidth="1"/>
    <col min="2590" max="2590" width="10.33203125" style="1" customWidth="1"/>
    <col min="2591" max="2591" width="5.6640625" style="1" customWidth="1"/>
    <col min="2592" max="2592" width="2.109375" style="1" customWidth="1"/>
    <col min="2593" max="2593" width="1.88671875" style="1" customWidth="1"/>
    <col min="2594" max="2594" width="2.109375" style="1" customWidth="1"/>
    <col min="2595" max="2595" width="3.109375" style="1" customWidth="1"/>
    <col min="2596" max="2597" width="3.6640625" style="1" customWidth="1"/>
    <col min="2598" max="2598" width="5.109375" style="1" customWidth="1"/>
    <col min="2599" max="2599" width="8.88671875" style="1" customWidth="1"/>
    <col min="2600" max="2600" width="2.6640625" style="1" customWidth="1"/>
    <col min="2601" max="2603" width="2.109375" style="1" customWidth="1"/>
    <col min="2604" max="2604" width="5.6640625" style="1" customWidth="1"/>
    <col min="2605" max="2605" width="2.109375" style="1" customWidth="1"/>
    <col min="2606" max="2606" width="15.109375" style="1" customWidth="1"/>
    <col min="2607" max="2607" width="1.6640625" style="1" customWidth="1"/>
    <col min="2608" max="2608" width="3.109375" style="1" customWidth="1"/>
    <col min="2609" max="2609" width="3.6640625" style="1" customWidth="1"/>
    <col min="2610" max="2610" width="3.109375" style="1" customWidth="1"/>
    <col min="2611" max="2611" width="2.6640625" style="1" customWidth="1"/>
    <col min="2612" max="2612" width="6.6640625" style="1" customWidth="1"/>
    <col min="2613" max="2613" width="2.6640625" style="1" customWidth="1"/>
    <col min="2614" max="2823" width="9" style="1"/>
    <col min="2824" max="2824" width="11.6640625" style="1" bestFit="1" customWidth="1"/>
    <col min="2825" max="2825" width="6.44140625" style="1" bestFit="1" customWidth="1"/>
    <col min="2826" max="2826" width="2.109375" style="1" customWidth="1"/>
    <col min="2827" max="2827" width="4.6640625" style="1" customWidth="1"/>
    <col min="2828" max="2829" width="2.109375" style="1" customWidth="1"/>
    <col min="2830" max="2830" width="5.6640625" style="1" customWidth="1"/>
    <col min="2831" max="2831" width="3.6640625" style="1" customWidth="1"/>
    <col min="2832" max="2832" width="5.6640625" style="1" customWidth="1"/>
    <col min="2833" max="2833" width="3.6640625" style="1" customWidth="1"/>
    <col min="2834" max="2834" width="3.44140625" style="1" bestFit="1" customWidth="1"/>
    <col min="2835" max="2835" width="3.6640625" style="1" customWidth="1"/>
    <col min="2836" max="2836" width="3.44140625" style="1" bestFit="1" customWidth="1"/>
    <col min="2837" max="2837" width="3.6640625" style="1" customWidth="1"/>
    <col min="2838" max="2838" width="3.44140625" style="1" bestFit="1" customWidth="1"/>
    <col min="2839" max="2839" width="5.109375" style="1" customWidth="1"/>
    <col min="2840" max="2840" width="2.109375" style="1" customWidth="1"/>
    <col min="2841" max="2841" width="3.6640625" style="1" customWidth="1"/>
    <col min="2842" max="2842" width="2.88671875" style="1" customWidth="1"/>
    <col min="2843" max="2843" width="8.6640625" style="1" customWidth="1"/>
    <col min="2844" max="2844" width="2.88671875" style="1" customWidth="1"/>
    <col min="2845" max="2845" width="1.6640625" style="1" customWidth="1"/>
    <col min="2846" max="2846" width="10.33203125" style="1" customWidth="1"/>
    <col min="2847" max="2847" width="5.6640625" style="1" customWidth="1"/>
    <col min="2848" max="2848" width="2.109375" style="1" customWidth="1"/>
    <col min="2849" max="2849" width="1.88671875" style="1" customWidth="1"/>
    <col min="2850" max="2850" width="2.109375" style="1" customWidth="1"/>
    <col min="2851" max="2851" width="3.109375" style="1" customWidth="1"/>
    <col min="2852" max="2853" width="3.6640625" style="1" customWidth="1"/>
    <col min="2854" max="2854" width="5.109375" style="1" customWidth="1"/>
    <col min="2855" max="2855" width="8.88671875" style="1" customWidth="1"/>
    <col min="2856" max="2856" width="2.6640625" style="1" customWidth="1"/>
    <col min="2857" max="2859" width="2.109375" style="1" customWidth="1"/>
    <col min="2860" max="2860" width="5.6640625" style="1" customWidth="1"/>
    <col min="2861" max="2861" width="2.109375" style="1" customWidth="1"/>
    <col min="2862" max="2862" width="15.109375" style="1" customWidth="1"/>
    <col min="2863" max="2863" width="1.6640625" style="1" customWidth="1"/>
    <col min="2864" max="2864" width="3.109375" style="1" customWidth="1"/>
    <col min="2865" max="2865" width="3.6640625" style="1" customWidth="1"/>
    <col min="2866" max="2866" width="3.109375" style="1" customWidth="1"/>
    <col min="2867" max="2867" width="2.6640625" style="1" customWidth="1"/>
    <col min="2868" max="2868" width="6.6640625" style="1" customWidth="1"/>
    <col min="2869" max="2869" width="2.6640625" style="1" customWidth="1"/>
    <col min="2870" max="3079" width="9" style="1"/>
    <col min="3080" max="3080" width="11.6640625" style="1" bestFit="1" customWidth="1"/>
    <col min="3081" max="3081" width="6.44140625" style="1" bestFit="1" customWidth="1"/>
    <col min="3082" max="3082" width="2.109375" style="1" customWidth="1"/>
    <col min="3083" max="3083" width="4.6640625" style="1" customWidth="1"/>
    <col min="3084" max="3085" width="2.109375" style="1" customWidth="1"/>
    <col min="3086" max="3086" width="5.6640625" style="1" customWidth="1"/>
    <col min="3087" max="3087" width="3.6640625" style="1" customWidth="1"/>
    <col min="3088" max="3088" width="5.6640625" style="1" customWidth="1"/>
    <col min="3089" max="3089" width="3.6640625" style="1" customWidth="1"/>
    <col min="3090" max="3090" width="3.44140625" style="1" bestFit="1" customWidth="1"/>
    <col min="3091" max="3091" width="3.6640625" style="1" customWidth="1"/>
    <col min="3092" max="3092" width="3.44140625" style="1" bestFit="1" customWidth="1"/>
    <col min="3093" max="3093" width="3.6640625" style="1" customWidth="1"/>
    <col min="3094" max="3094" width="3.44140625" style="1" bestFit="1" customWidth="1"/>
    <col min="3095" max="3095" width="5.109375" style="1" customWidth="1"/>
    <col min="3096" max="3096" width="2.109375" style="1" customWidth="1"/>
    <col min="3097" max="3097" width="3.6640625" style="1" customWidth="1"/>
    <col min="3098" max="3098" width="2.88671875" style="1" customWidth="1"/>
    <col min="3099" max="3099" width="8.6640625" style="1" customWidth="1"/>
    <col min="3100" max="3100" width="2.88671875" style="1" customWidth="1"/>
    <col min="3101" max="3101" width="1.6640625" style="1" customWidth="1"/>
    <col min="3102" max="3102" width="10.33203125" style="1" customWidth="1"/>
    <col min="3103" max="3103" width="5.6640625" style="1" customWidth="1"/>
    <col min="3104" max="3104" width="2.109375" style="1" customWidth="1"/>
    <col min="3105" max="3105" width="1.88671875" style="1" customWidth="1"/>
    <col min="3106" max="3106" width="2.109375" style="1" customWidth="1"/>
    <col min="3107" max="3107" width="3.109375" style="1" customWidth="1"/>
    <col min="3108" max="3109" width="3.6640625" style="1" customWidth="1"/>
    <col min="3110" max="3110" width="5.109375" style="1" customWidth="1"/>
    <col min="3111" max="3111" width="8.88671875" style="1" customWidth="1"/>
    <col min="3112" max="3112" width="2.6640625" style="1" customWidth="1"/>
    <col min="3113" max="3115" width="2.109375" style="1" customWidth="1"/>
    <col min="3116" max="3116" width="5.6640625" style="1" customWidth="1"/>
    <col min="3117" max="3117" width="2.109375" style="1" customWidth="1"/>
    <col min="3118" max="3118" width="15.109375" style="1" customWidth="1"/>
    <col min="3119" max="3119" width="1.6640625" style="1" customWidth="1"/>
    <col min="3120" max="3120" width="3.109375" style="1" customWidth="1"/>
    <col min="3121" max="3121" width="3.6640625" style="1" customWidth="1"/>
    <col min="3122" max="3122" width="3.109375" style="1" customWidth="1"/>
    <col min="3123" max="3123" width="2.6640625" style="1" customWidth="1"/>
    <col min="3124" max="3124" width="6.6640625" style="1" customWidth="1"/>
    <col min="3125" max="3125" width="2.6640625" style="1" customWidth="1"/>
    <col min="3126" max="3335" width="9" style="1"/>
    <col min="3336" max="3336" width="11.6640625" style="1" bestFit="1" customWidth="1"/>
    <col min="3337" max="3337" width="6.44140625" style="1" bestFit="1" customWidth="1"/>
    <col min="3338" max="3338" width="2.109375" style="1" customWidth="1"/>
    <col min="3339" max="3339" width="4.6640625" style="1" customWidth="1"/>
    <col min="3340" max="3341" width="2.109375" style="1" customWidth="1"/>
    <col min="3342" max="3342" width="5.6640625" style="1" customWidth="1"/>
    <col min="3343" max="3343" width="3.6640625" style="1" customWidth="1"/>
    <col min="3344" max="3344" width="5.6640625" style="1" customWidth="1"/>
    <col min="3345" max="3345" width="3.6640625" style="1" customWidth="1"/>
    <col min="3346" max="3346" width="3.44140625" style="1" bestFit="1" customWidth="1"/>
    <col min="3347" max="3347" width="3.6640625" style="1" customWidth="1"/>
    <col min="3348" max="3348" width="3.44140625" style="1" bestFit="1" customWidth="1"/>
    <col min="3349" max="3349" width="3.6640625" style="1" customWidth="1"/>
    <col min="3350" max="3350" width="3.44140625" style="1" bestFit="1" customWidth="1"/>
    <col min="3351" max="3351" width="5.109375" style="1" customWidth="1"/>
    <col min="3352" max="3352" width="2.109375" style="1" customWidth="1"/>
    <col min="3353" max="3353" width="3.6640625" style="1" customWidth="1"/>
    <col min="3354" max="3354" width="2.88671875" style="1" customWidth="1"/>
    <col min="3355" max="3355" width="8.6640625" style="1" customWidth="1"/>
    <col min="3356" max="3356" width="2.88671875" style="1" customWidth="1"/>
    <col min="3357" max="3357" width="1.6640625" style="1" customWidth="1"/>
    <col min="3358" max="3358" width="10.33203125" style="1" customWidth="1"/>
    <col min="3359" max="3359" width="5.6640625" style="1" customWidth="1"/>
    <col min="3360" max="3360" width="2.109375" style="1" customWidth="1"/>
    <col min="3361" max="3361" width="1.88671875" style="1" customWidth="1"/>
    <col min="3362" max="3362" width="2.109375" style="1" customWidth="1"/>
    <col min="3363" max="3363" width="3.109375" style="1" customWidth="1"/>
    <col min="3364" max="3365" width="3.6640625" style="1" customWidth="1"/>
    <col min="3366" max="3366" width="5.109375" style="1" customWidth="1"/>
    <col min="3367" max="3367" width="8.88671875" style="1" customWidth="1"/>
    <col min="3368" max="3368" width="2.6640625" style="1" customWidth="1"/>
    <col min="3369" max="3371" width="2.109375" style="1" customWidth="1"/>
    <col min="3372" max="3372" width="5.6640625" style="1" customWidth="1"/>
    <col min="3373" max="3373" width="2.109375" style="1" customWidth="1"/>
    <col min="3374" max="3374" width="15.109375" style="1" customWidth="1"/>
    <col min="3375" max="3375" width="1.6640625" style="1" customWidth="1"/>
    <col min="3376" max="3376" width="3.109375" style="1" customWidth="1"/>
    <col min="3377" max="3377" width="3.6640625" style="1" customWidth="1"/>
    <col min="3378" max="3378" width="3.109375" style="1" customWidth="1"/>
    <col min="3379" max="3379" width="2.6640625" style="1" customWidth="1"/>
    <col min="3380" max="3380" width="6.6640625" style="1" customWidth="1"/>
    <col min="3381" max="3381" width="2.6640625" style="1" customWidth="1"/>
    <col min="3382" max="3591" width="9" style="1"/>
    <col min="3592" max="3592" width="11.6640625" style="1" bestFit="1" customWidth="1"/>
    <col min="3593" max="3593" width="6.44140625" style="1" bestFit="1" customWidth="1"/>
    <col min="3594" max="3594" width="2.109375" style="1" customWidth="1"/>
    <col min="3595" max="3595" width="4.6640625" style="1" customWidth="1"/>
    <col min="3596" max="3597" width="2.109375" style="1" customWidth="1"/>
    <col min="3598" max="3598" width="5.6640625" style="1" customWidth="1"/>
    <col min="3599" max="3599" width="3.6640625" style="1" customWidth="1"/>
    <col min="3600" max="3600" width="5.6640625" style="1" customWidth="1"/>
    <col min="3601" max="3601" width="3.6640625" style="1" customWidth="1"/>
    <col min="3602" max="3602" width="3.44140625" style="1" bestFit="1" customWidth="1"/>
    <col min="3603" max="3603" width="3.6640625" style="1" customWidth="1"/>
    <col min="3604" max="3604" width="3.44140625" style="1" bestFit="1" customWidth="1"/>
    <col min="3605" max="3605" width="3.6640625" style="1" customWidth="1"/>
    <col min="3606" max="3606" width="3.44140625" style="1" bestFit="1" customWidth="1"/>
    <col min="3607" max="3607" width="5.109375" style="1" customWidth="1"/>
    <col min="3608" max="3608" width="2.109375" style="1" customWidth="1"/>
    <col min="3609" max="3609" width="3.6640625" style="1" customWidth="1"/>
    <col min="3610" max="3610" width="2.88671875" style="1" customWidth="1"/>
    <col min="3611" max="3611" width="8.6640625" style="1" customWidth="1"/>
    <col min="3612" max="3612" width="2.88671875" style="1" customWidth="1"/>
    <col min="3613" max="3613" width="1.6640625" style="1" customWidth="1"/>
    <col min="3614" max="3614" width="10.33203125" style="1" customWidth="1"/>
    <col min="3615" max="3615" width="5.6640625" style="1" customWidth="1"/>
    <col min="3616" max="3616" width="2.109375" style="1" customWidth="1"/>
    <col min="3617" max="3617" width="1.88671875" style="1" customWidth="1"/>
    <col min="3618" max="3618" width="2.109375" style="1" customWidth="1"/>
    <col min="3619" max="3619" width="3.109375" style="1" customWidth="1"/>
    <col min="3620" max="3621" width="3.6640625" style="1" customWidth="1"/>
    <col min="3622" max="3622" width="5.109375" style="1" customWidth="1"/>
    <col min="3623" max="3623" width="8.88671875" style="1" customWidth="1"/>
    <col min="3624" max="3624" width="2.6640625" style="1" customWidth="1"/>
    <col min="3625" max="3627" width="2.109375" style="1" customWidth="1"/>
    <col min="3628" max="3628" width="5.6640625" style="1" customWidth="1"/>
    <col min="3629" max="3629" width="2.109375" style="1" customWidth="1"/>
    <col min="3630" max="3630" width="15.109375" style="1" customWidth="1"/>
    <col min="3631" max="3631" width="1.6640625" style="1" customWidth="1"/>
    <col min="3632" max="3632" width="3.109375" style="1" customWidth="1"/>
    <col min="3633" max="3633" width="3.6640625" style="1" customWidth="1"/>
    <col min="3634" max="3634" width="3.109375" style="1" customWidth="1"/>
    <col min="3635" max="3635" width="2.6640625" style="1" customWidth="1"/>
    <col min="3636" max="3636" width="6.6640625" style="1" customWidth="1"/>
    <col min="3637" max="3637" width="2.6640625" style="1" customWidth="1"/>
    <col min="3638" max="3847" width="9" style="1"/>
    <col min="3848" max="3848" width="11.6640625" style="1" bestFit="1" customWidth="1"/>
    <col min="3849" max="3849" width="6.44140625" style="1" bestFit="1" customWidth="1"/>
    <col min="3850" max="3850" width="2.109375" style="1" customWidth="1"/>
    <col min="3851" max="3851" width="4.6640625" style="1" customWidth="1"/>
    <col min="3852" max="3853" width="2.109375" style="1" customWidth="1"/>
    <col min="3854" max="3854" width="5.6640625" style="1" customWidth="1"/>
    <col min="3855" max="3855" width="3.6640625" style="1" customWidth="1"/>
    <col min="3856" max="3856" width="5.6640625" style="1" customWidth="1"/>
    <col min="3857" max="3857" width="3.6640625" style="1" customWidth="1"/>
    <col min="3858" max="3858" width="3.44140625" style="1" bestFit="1" customWidth="1"/>
    <col min="3859" max="3859" width="3.6640625" style="1" customWidth="1"/>
    <col min="3860" max="3860" width="3.44140625" style="1" bestFit="1" customWidth="1"/>
    <col min="3861" max="3861" width="3.6640625" style="1" customWidth="1"/>
    <col min="3862" max="3862" width="3.44140625" style="1" bestFit="1" customWidth="1"/>
    <col min="3863" max="3863" width="5.109375" style="1" customWidth="1"/>
    <col min="3864" max="3864" width="2.109375" style="1" customWidth="1"/>
    <col min="3865" max="3865" width="3.6640625" style="1" customWidth="1"/>
    <col min="3866" max="3866" width="2.88671875" style="1" customWidth="1"/>
    <col min="3867" max="3867" width="8.6640625" style="1" customWidth="1"/>
    <col min="3868" max="3868" width="2.88671875" style="1" customWidth="1"/>
    <col min="3869" max="3869" width="1.6640625" style="1" customWidth="1"/>
    <col min="3870" max="3870" width="10.33203125" style="1" customWidth="1"/>
    <col min="3871" max="3871" width="5.6640625" style="1" customWidth="1"/>
    <col min="3872" max="3872" width="2.109375" style="1" customWidth="1"/>
    <col min="3873" max="3873" width="1.88671875" style="1" customWidth="1"/>
    <col min="3874" max="3874" width="2.109375" style="1" customWidth="1"/>
    <col min="3875" max="3875" width="3.109375" style="1" customWidth="1"/>
    <col min="3876" max="3877" width="3.6640625" style="1" customWidth="1"/>
    <col min="3878" max="3878" width="5.109375" style="1" customWidth="1"/>
    <col min="3879" max="3879" width="8.88671875" style="1" customWidth="1"/>
    <col min="3880" max="3880" width="2.6640625" style="1" customWidth="1"/>
    <col min="3881" max="3883" width="2.109375" style="1" customWidth="1"/>
    <col min="3884" max="3884" width="5.6640625" style="1" customWidth="1"/>
    <col min="3885" max="3885" width="2.109375" style="1" customWidth="1"/>
    <col min="3886" max="3886" width="15.109375" style="1" customWidth="1"/>
    <col min="3887" max="3887" width="1.6640625" style="1" customWidth="1"/>
    <col min="3888" max="3888" width="3.109375" style="1" customWidth="1"/>
    <col min="3889" max="3889" width="3.6640625" style="1" customWidth="1"/>
    <col min="3890" max="3890" width="3.109375" style="1" customWidth="1"/>
    <col min="3891" max="3891" width="2.6640625" style="1" customWidth="1"/>
    <col min="3892" max="3892" width="6.6640625" style="1" customWidth="1"/>
    <col min="3893" max="3893" width="2.6640625" style="1" customWidth="1"/>
    <col min="3894" max="4103" width="9" style="1"/>
    <col min="4104" max="4104" width="11.6640625" style="1" bestFit="1" customWidth="1"/>
    <col min="4105" max="4105" width="6.44140625" style="1" bestFit="1" customWidth="1"/>
    <col min="4106" max="4106" width="2.109375" style="1" customWidth="1"/>
    <col min="4107" max="4107" width="4.6640625" style="1" customWidth="1"/>
    <col min="4108" max="4109" width="2.109375" style="1" customWidth="1"/>
    <col min="4110" max="4110" width="5.6640625" style="1" customWidth="1"/>
    <col min="4111" max="4111" width="3.6640625" style="1" customWidth="1"/>
    <col min="4112" max="4112" width="5.6640625" style="1" customWidth="1"/>
    <col min="4113" max="4113" width="3.6640625" style="1" customWidth="1"/>
    <col min="4114" max="4114" width="3.44140625" style="1" bestFit="1" customWidth="1"/>
    <col min="4115" max="4115" width="3.6640625" style="1" customWidth="1"/>
    <col min="4116" max="4116" width="3.44140625" style="1" bestFit="1" customWidth="1"/>
    <col min="4117" max="4117" width="3.6640625" style="1" customWidth="1"/>
    <col min="4118" max="4118" width="3.44140625" style="1" bestFit="1" customWidth="1"/>
    <col min="4119" max="4119" width="5.109375" style="1" customWidth="1"/>
    <col min="4120" max="4120" width="2.109375" style="1" customWidth="1"/>
    <col min="4121" max="4121" width="3.6640625" style="1" customWidth="1"/>
    <col min="4122" max="4122" width="2.88671875" style="1" customWidth="1"/>
    <col min="4123" max="4123" width="8.6640625" style="1" customWidth="1"/>
    <col min="4124" max="4124" width="2.88671875" style="1" customWidth="1"/>
    <col min="4125" max="4125" width="1.6640625" style="1" customWidth="1"/>
    <col min="4126" max="4126" width="10.33203125" style="1" customWidth="1"/>
    <col min="4127" max="4127" width="5.6640625" style="1" customWidth="1"/>
    <col min="4128" max="4128" width="2.109375" style="1" customWidth="1"/>
    <col min="4129" max="4129" width="1.88671875" style="1" customWidth="1"/>
    <col min="4130" max="4130" width="2.109375" style="1" customWidth="1"/>
    <col min="4131" max="4131" width="3.109375" style="1" customWidth="1"/>
    <col min="4132" max="4133" width="3.6640625" style="1" customWidth="1"/>
    <col min="4134" max="4134" width="5.109375" style="1" customWidth="1"/>
    <col min="4135" max="4135" width="8.88671875" style="1" customWidth="1"/>
    <col min="4136" max="4136" width="2.6640625" style="1" customWidth="1"/>
    <col min="4137" max="4139" width="2.109375" style="1" customWidth="1"/>
    <col min="4140" max="4140" width="5.6640625" style="1" customWidth="1"/>
    <col min="4141" max="4141" width="2.109375" style="1" customWidth="1"/>
    <col min="4142" max="4142" width="15.109375" style="1" customWidth="1"/>
    <col min="4143" max="4143" width="1.6640625" style="1" customWidth="1"/>
    <col min="4144" max="4144" width="3.109375" style="1" customWidth="1"/>
    <col min="4145" max="4145" width="3.6640625" style="1" customWidth="1"/>
    <col min="4146" max="4146" width="3.109375" style="1" customWidth="1"/>
    <col min="4147" max="4147" width="2.6640625" style="1" customWidth="1"/>
    <col min="4148" max="4148" width="6.6640625" style="1" customWidth="1"/>
    <col min="4149" max="4149" width="2.6640625" style="1" customWidth="1"/>
    <col min="4150" max="4359" width="9" style="1"/>
    <col min="4360" max="4360" width="11.6640625" style="1" bestFit="1" customWidth="1"/>
    <col min="4361" max="4361" width="6.44140625" style="1" bestFit="1" customWidth="1"/>
    <col min="4362" max="4362" width="2.109375" style="1" customWidth="1"/>
    <col min="4363" max="4363" width="4.6640625" style="1" customWidth="1"/>
    <col min="4364" max="4365" width="2.109375" style="1" customWidth="1"/>
    <col min="4366" max="4366" width="5.6640625" style="1" customWidth="1"/>
    <col min="4367" max="4367" width="3.6640625" style="1" customWidth="1"/>
    <col min="4368" max="4368" width="5.6640625" style="1" customWidth="1"/>
    <col min="4369" max="4369" width="3.6640625" style="1" customWidth="1"/>
    <col min="4370" max="4370" width="3.44140625" style="1" bestFit="1" customWidth="1"/>
    <col min="4371" max="4371" width="3.6640625" style="1" customWidth="1"/>
    <col min="4372" max="4372" width="3.44140625" style="1" bestFit="1" customWidth="1"/>
    <col min="4373" max="4373" width="3.6640625" style="1" customWidth="1"/>
    <col min="4374" max="4374" width="3.44140625" style="1" bestFit="1" customWidth="1"/>
    <col min="4375" max="4375" width="5.109375" style="1" customWidth="1"/>
    <col min="4376" max="4376" width="2.109375" style="1" customWidth="1"/>
    <col min="4377" max="4377" width="3.6640625" style="1" customWidth="1"/>
    <col min="4378" max="4378" width="2.88671875" style="1" customWidth="1"/>
    <col min="4379" max="4379" width="8.6640625" style="1" customWidth="1"/>
    <col min="4380" max="4380" width="2.88671875" style="1" customWidth="1"/>
    <col min="4381" max="4381" width="1.6640625" style="1" customWidth="1"/>
    <col min="4382" max="4382" width="10.33203125" style="1" customWidth="1"/>
    <col min="4383" max="4383" width="5.6640625" style="1" customWidth="1"/>
    <col min="4384" max="4384" width="2.109375" style="1" customWidth="1"/>
    <col min="4385" max="4385" width="1.88671875" style="1" customWidth="1"/>
    <col min="4386" max="4386" width="2.109375" style="1" customWidth="1"/>
    <col min="4387" max="4387" width="3.109375" style="1" customWidth="1"/>
    <col min="4388" max="4389" width="3.6640625" style="1" customWidth="1"/>
    <col min="4390" max="4390" width="5.109375" style="1" customWidth="1"/>
    <col min="4391" max="4391" width="8.88671875" style="1" customWidth="1"/>
    <col min="4392" max="4392" width="2.6640625" style="1" customWidth="1"/>
    <col min="4393" max="4395" width="2.109375" style="1" customWidth="1"/>
    <col min="4396" max="4396" width="5.6640625" style="1" customWidth="1"/>
    <col min="4397" max="4397" width="2.109375" style="1" customWidth="1"/>
    <col min="4398" max="4398" width="15.109375" style="1" customWidth="1"/>
    <col min="4399" max="4399" width="1.6640625" style="1" customWidth="1"/>
    <col min="4400" max="4400" width="3.109375" style="1" customWidth="1"/>
    <col min="4401" max="4401" width="3.6640625" style="1" customWidth="1"/>
    <col min="4402" max="4402" width="3.109375" style="1" customWidth="1"/>
    <col min="4403" max="4403" width="2.6640625" style="1" customWidth="1"/>
    <col min="4404" max="4404" width="6.6640625" style="1" customWidth="1"/>
    <col min="4405" max="4405" width="2.6640625" style="1" customWidth="1"/>
    <col min="4406" max="4615" width="9" style="1"/>
    <col min="4616" max="4616" width="11.6640625" style="1" bestFit="1" customWidth="1"/>
    <col min="4617" max="4617" width="6.44140625" style="1" bestFit="1" customWidth="1"/>
    <col min="4618" max="4618" width="2.109375" style="1" customWidth="1"/>
    <col min="4619" max="4619" width="4.6640625" style="1" customWidth="1"/>
    <col min="4620" max="4621" width="2.109375" style="1" customWidth="1"/>
    <col min="4622" max="4622" width="5.6640625" style="1" customWidth="1"/>
    <col min="4623" max="4623" width="3.6640625" style="1" customWidth="1"/>
    <col min="4624" max="4624" width="5.6640625" style="1" customWidth="1"/>
    <col min="4625" max="4625" width="3.6640625" style="1" customWidth="1"/>
    <col min="4626" max="4626" width="3.44140625" style="1" bestFit="1" customWidth="1"/>
    <col min="4627" max="4627" width="3.6640625" style="1" customWidth="1"/>
    <col min="4628" max="4628" width="3.44140625" style="1" bestFit="1" customWidth="1"/>
    <col min="4629" max="4629" width="3.6640625" style="1" customWidth="1"/>
    <col min="4630" max="4630" width="3.44140625" style="1" bestFit="1" customWidth="1"/>
    <col min="4631" max="4631" width="5.109375" style="1" customWidth="1"/>
    <col min="4632" max="4632" width="2.109375" style="1" customWidth="1"/>
    <col min="4633" max="4633" width="3.6640625" style="1" customWidth="1"/>
    <col min="4634" max="4634" width="2.88671875" style="1" customWidth="1"/>
    <col min="4635" max="4635" width="8.6640625" style="1" customWidth="1"/>
    <col min="4636" max="4636" width="2.88671875" style="1" customWidth="1"/>
    <col min="4637" max="4637" width="1.6640625" style="1" customWidth="1"/>
    <col min="4638" max="4638" width="10.33203125" style="1" customWidth="1"/>
    <col min="4639" max="4639" width="5.6640625" style="1" customWidth="1"/>
    <col min="4640" max="4640" width="2.109375" style="1" customWidth="1"/>
    <col min="4641" max="4641" width="1.88671875" style="1" customWidth="1"/>
    <col min="4642" max="4642" width="2.109375" style="1" customWidth="1"/>
    <col min="4643" max="4643" width="3.109375" style="1" customWidth="1"/>
    <col min="4644" max="4645" width="3.6640625" style="1" customWidth="1"/>
    <col min="4646" max="4646" width="5.109375" style="1" customWidth="1"/>
    <col min="4647" max="4647" width="8.88671875" style="1" customWidth="1"/>
    <col min="4648" max="4648" width="2.6640625" style="1" customWidth="1"/>
    <col min="4649" max="4651" width="2.109375" style="1" customWidth="1"/>
    <col min="4652" max="4652" width="5.6640625" style="1" customWidth="1"/>
    <col min="4653" max="4653" width="2.109375" style="1" customWidth="1"/>
    <col min="4654" max="4654" width="15.109375" style="1" customWidth="1"/>
    <col min="4655" max="4655" width="1.6640625" style="1" customWidth="1"/>
    <col min="4656" max="4656" width="3.109375" style="1" customWidth="1"/>
    <col min="4657" max="4657" width="3.6640625" style="1" customWidth="1"/>
    <col min="4658" max="4658" width="3.109375" style="1" customWidth="1"/>
    <col min="4659" max="4659" width="2.6640625" style="1" customWidth="1"/>
    <col min="4660" max="4660" width="6.6640625" style="1" customWidth="1"/>
    <col min="4661" max="4661" width="2.6640625" style="1" customWidth="1"/>
    <col min="4662" max="4871" width="9" style="1"/>
    <col min="4872" max="4872" width="11.6640625" style="1" bestFit="1" customWidth="1"/>
    <col min="4873" max="4873" width="6.44140625" style="1" bestFit="1" customWidth="1"/>
    <col min="4874" max="4874" width="2.109375" style="1" customWidth="1"/>
    <col min="4875" max="4875" width="4.6640625" style="1" customWidth="1"/>
    <col min="4876" max="4877" width="2.109375" style="1" customWidth="1"/>
    <col min="4878" max="4878" width="5.6640625" style="1" customWidth="1"/>
    <col min="4879" max="4879" width="3.6640625" style="1" customWidth="1"/>
    <col min="4880" max="4880" width="5.6640625" style="1" customWidth="1"/>
    <col min="4881" max="4881" width="3.6640625" style="1" customWidth="1"/>
    <col min="4882" max="4882" width="3.44140625" style="1" bestFit="1" customWidth="1"/>
    <col min="4883" max="4883" width="3.6640625" style="1" customWidth="1"/>
    <col min="4884" max="4884" width="3.44140625" style="1" bestFit="1" customWidth="1"/>
    <col min="4885" max="4885" width="3.6640625" style="1" customWidth="1"/>
    <col min="4886" max="4886" width="3.44140625" style="1" bestFit="1" customWidth="1"/>
    <col min="4887" max="4887" width="5.109375" style="1" customWidth="1"/>
    <col min="4888" max="4888" width="2.109375" style="1" customWidth="1"/>
    <col min="4889" max="4889" width="3.6640625" style="1" customWidth="1"/>
    <col min="4890" max="4890" width="2.88671875" style="1" customWidth="1"/>
    <col min="4891" max="4891" width="8.6640625" style="1" customWidth="1"/>
    <col min="4892" max="4892" width="2.88671875" style="1" customWidth="1"/>
    <col min="4893" max="4893" width="1.6640625" style="1" customWidth="1"/>
    <col min="4894" max="4894" width="10.33203125" style="1" customWidth="1"/>
    <col min="4895" max="4895" width="5.6640625" style="1" customWidth="1"/>
    <col min="4896" max="4896" width="2.109375" style="1" customWidth="1"/>
    <col min="4897" max="4897" width="1.88671875" style="1" customWidth="1"/>
    <col min="4898" max="4898" width="2.109375" style="1" customWidth="1"/>
    <col min="4899" max="4899" width="3.109375" style="1" customWidth="1"/>
    <col min="4900" max="4901" width="3.6640625" style="1" customWidth="1"/>
    <col min="4902" max="4902" width="5.109375" style="1" customWidth="1"/>
    <col min="4903" max="4903" width="8.88671875" style="1" customWidth="1"/>
    <col min="4904" max="4904" width="2.6640625" style="1" customWidth="1"/>
    <col min="4905" max="4907" width="2.109375" style="1" customWidth="1"/>
    <col min="4908" max="4908" width="5.6640625" style="1" customWidth="1"/>
    <col min="4909" max="4909" width="2.109375" style="1" customWidth="1"/>
    <col min="4910" max="4910" width="15.109375" style="1" customWidth="1"/>
    <col min="4911" max="4911" width="1.6640625" style="1" customWidth="1"/>
    <col min="4912" max="4912" width="3.109375" style="1" customWidth="1"/>
    <col min="4913" max="4913" width="3.6640625" style="1" customWidth="1"/>
    <col min="4914" max="4914" width="3.109375" style="1" customWidth="1"/>
    <col min="4915" max="4915" width="2.6640625" style="1" customWidth="1"/>
    <col min="4916" max="4916" width="6.6640625" style="1" customWidth="1"/>
    <col min="4917" max="4917" width="2.6640625" style="1" customWidth="1"/>
    <col min="4918" max="5127" width="9" style="1"/>
    <col min="5128" max="5128" width="11.6640625" style="1" bestFit="1" customWidth="1"/>
    <col min="5129" max="5129" width="6.44140625" style="1" bestFit="1" customWidth="1"/>
    <col min="5130" max="5130" width="2.109375" style="1" customWidth="1"/>
    <col min="5131" max="5131" width="4.6640625" style="1" customWidth="1"/>
    <col min="5132" max="5133" width="2.109375" style="1" customWidth="1"/>
    <col min="5134" max="5134" width="5.6640625" style="1" customWidth="1"/>
    <col min="5135" max="5135" width="3.6640625" style="1" customWidth="1"/>
    <col min="5136" max="5136" width="5.6640625" style="1" customWidth="1"/>
    <col min="5137" max="5137" width="3.6640625" style="1" customWidth="1"/>
    <col min="5138" max="5138" width="3.44140625" style="1" bestFit="1" customWidth="1"/>
    <col min="5139" max="5139" width="3.6640625" style="1" customWidth="1"/>
    <col min="5140" max="5140" width="3.44140625" style="1" bestFit="1" customWidth="1"/>
    <col min="5141" max="5141" width="3.6640625" style="1" customWidth="1"/>
    <col min="5142" max="5142" width="3.44140625" style="1" bestFit="1" customWidth="1"/>
    <col min="5143" max="5143" width="5.109375" style="1" customWidth="1"/>
    <col min="5144" max="5144" width="2.109375" style="1" customWidth="1"/>
    <col min="5145" max="5145" width="3.6640625" style="1" customWidth="1"/>
    <col min="5146" max="5146" width="2.88671875" style="1" customWidth="1"/>
    <col min="5147" max="5147" width="8.6640625" style="1" customWidth="1"/>
    <col min="5148" max="5148" width="2.88671875" style="1" customWidth="1"/>
    <col min="5149" max="5149" width="1.6640625" style="1" customWidth="1"/>
    <col min="5150" max="5150" width="10.33203125" style="1" customWidth="1"/>
    <col min="5151" max="5151" width="5.6640625" style="1" customWidth="1"/>
    <col min="5152" max="5152" width="2.109375" style="1" customWidth="1"/>
    <col min="5153" max="5153" width="1.88671875" style="1" customWidth="1"/>
    <col min="5154" max="5154" width="2.109375" style="1" customWidth="1"/>
    <col min="5155" max="5155" width="3.109375" style="1" customWidth="1"/>
    <col min="5156" max="5157" width="3.6640625" style="1" customWidth="1"/>
    <col min="5158" max="5158" width="5.109375" style="1" customWidth="1"/>
    <col min="5159" max="5159" width="8.88671875" style="1" customWidth="1"/>
    <col min="5160" max="5160" width="2.6640625" style="1" customWidth="1"/>
    <col min="5161" max="5163" width="2.109375" style="1" customWidth="1"/>
    <col min="5164" max="5164" width="5.6640625" style="1" customWidth="1"/>
    <col min="5165" max="5165" width="2.109375" style="1" customWidth="1"/>
    <col min="5166" max="5166" width="15.109375" style="1" customWidth="1"/>
    <col min="5167" max="5167" width="1.6640625" style="1" customWidth="1"/>
    <col min="5168" max="5168" width="3.109375" style="1" customWidth="1"/>
    <col min="5169" max="5169" width="3.6640625" style="1" customWidth="1"/>
    <col min="5170" max="5170" width="3.109375" style="1" customWidth="1"/>
    <col min="5171" max="5171" width="2.6640625" style="1" customWidth="1"/>
    <col min="5172" max="5172" width="6.6640625" style="1" customWidth="1"/>
    <col min="5173" max="5173" width="2.6640625" style="1" customWidth="1"/>
    <col min="5174" max="5383" width="9" style="1"/>
    <col min="5384" max="5384" width="11.6640625" style="1" bestFit="1" customWidth="1"/>
    <col min="5385" max="5385" width="6.44140625" style="1" bestFit="1" customWidth="1"/>
    <col min="5386" max="5386" width="2.109375" style="1" customWidth="1"/>
    <col min="5387" max="5387" width="4.6640625" style="1" customWidth="1"/>
    <col min="5388" max="5389" width="2.109375" style="1" customWidth="1"/>
    <col min="5390" max="5390" width="5.6640625" style="1" customWidth="1"/>
    <col min="5391" max="5391" width="3.6640625" style="1" customWidth="1"/>
    <col min="5392" max="5392" width="5.6640625" style="1" customWidth="1"/>
    <col min="5393" max="5393" width="3.6640625" style="1" customWidth="1"/>
    <col min="5394" max="5394" width="3.44140625" style="1" bestFit="1" customWidth="1"/>
    <col min="5395" max="5395" width="3.6640625" style="1" customWidth="1"/>
    <col min="5396" max="5396" width="3.44140625" style="1" bestFit="1" customWidth="1"/>
    <col min="5397" max="5397" width="3.6640625" style="1" customWidth="1"/>
    <col min="5398" max="5398" width="3.44140625" style="1" bestFit="1" customWidth="1"/>
    <col min="5399" max="5399" width="5.109375" style="1" customWidth="1"/>
    <col min="5400" max="5400" width="2.109375" style="1" customWidth="1"/>
    <col min="5401" max="5401" width="3.6640625" style="1" customWidth="1"/>
    <col min="5402" max="5402" width="2.88671875" style="1" customWidth="1"/>
    <col min="5403" max="5403" width="8.6640625" style="1" customWidth="1"/>
    <col min="5404" max="5404" width="2.88671875" style="1" customWidth="1"/>
    <col min="5405" max="5405" width="1.6640625" style="1" customWidth="1"/>
    <col min="5406" max="5406" width="10.33203125" style="1" customWidth="1"/>
    <col min="5407" max="5407" width="5.6640625" style="1" customWidth="1"/>
    <col min="5408" max="5408" width="2.109375" style="1" customWidth="1"/>
    <col min="5409" max="5409" width="1.88671875" style="1" customWidth="1"/>
    <col min="5410" max="5410" width="2.109375" style="1" customWidth="1"/>
    <col min="5411" max="5411" width="3.109375" style="1" customWidth="1"/>
    <col min="5412" max="5413" width="3.6640625" style="1" customWidth="1"/>
    <col min="5414" max="5414" width="5.109375" style="1" customWidth="1"/>
    <col min="5415" max="5415" width="8.88671875" style="1" customWidth="1"/>
    <col min="5416" max="5416" width="2.6640625" style="1" customWidth="1"/>
    <col min="5417" max="5419" width="2.109375" style="1" customWidth="1"/>
    <col min="5420" max="5420" width="5.6640625" style="1" customWidth="1"/>
    <col min="5421" max="5421" width="2.109375" style="1" customWidth="1"/>
    <col min="5422" max="5422" width="15.109375" style="1" customWidth="1"/>
    <col min="5423" max="5423" width="1.6640625" style="1" customWidth="1"/>
    <col min="5424" max="5424" width="3.109375" style="1" customWidth="1"/>
    <col min="5425" max="5425" width="3.6640625" style="1" customWidth="1"/>
    <col min="5426" max="5426" width="3.109375" style="1" customWidth="1"/>
    <col min="5427" max="5427" width="2.6640625" style="1" customWidth="1"/>
    <col min="5428" max="5428" width="6.6640625" style="1" customWidth="1"/>
    <col min="5429" max="5429" width="2.6640625" style="1" customWidth="1"/>
    <col min="5430" max="5639" width="9" style="1"/>
    <col min="5640" max="5640" width="11.6640625" style="1" bestFit="1" customWidth="1"/>
    <col min="5641" max="5641" width="6.44140625" style="1" bestFit="1" customWidth="1"/>
    <col min="5642" max="5642" width="2.109375" style="1" customWidth="1"/>
    <col min="5643" max="5643" width="4.6640625" style="1" customWidth="1"/>
    <col min="5644" max="5645" width="2.109375" style="1" customWidth="1"/>
    <col min="5646" max="5646" width="5.6640625" style="1" customWidth="1"/>
    <col min="5647" max="5647" width="3.6640625" style="1" customWidth="1"/>
    <col min="5648" max="5648" width="5.6640625" style="1" customWidth="1"/>
    <col min="5649" max="5649" width="3.6640625" style="1" customWidth="1"/>
    <col min="5650" max="5650" width="3.44140625" style="1" bestFit="1" customWidth="1"/>
    <col min="5651" max="5651" width="3.6640625" style="1" customWidth="1"/>
    <col min="5652" max="5652" width="3.44140625" style="1" bestFit="1" customWidth="1"/>
    <col min="5653" max="5653" width="3.6640625" style="1" customWidth="1"/>
    <col min="5654" max="5654" width="3.44140625" style="1" bestFit="1" customWidth="1"/>
    <col min="5655" max="5655" width="5.109375" style="1" customWidth="1"/>
    <col min="5656" max="5656" width="2.109375" style="1" customWidth="1"/>
    <col min="5657" max="5657" width="3.6640625" style="1" customWidth="1"/>
    <col min="5658" max="5658" width="2.88671875" style="1" customWidth="1"/>
    <col min="5659" max="5659" width="8.6640625" style="1" customWidth="1"/>
    <col min="5660" max="5660" width="2.88671875" style="1" customWidth="1"/>
    <col min="5661" max="5661" width="1.6640625" style="1" customWidth="1"/>
    <col min="5662" max="5662" width="10.33203125" style="1" customWidth="1"/>
    <col min="5663" max="5663" width="5.6640625" style="1" customWidth="1"/>
    <col min="5664" max="5664" width="2.109375" style="1" customWidth="1"/>
    <col min="5665" max="5665" width="1.88671875" style="1" customWidth="1"/>
    <col min="5666" max="5666" width="2.109375" style="1" customWidth="1"/>
    <col min="5667" max="5667" width="3.109375" style="1" customWidth="1"/>
    <col min="5668" max="5669" width="3.6640625" style="1" customWidth="1"/>
    <col min="5670" max="5670" width="5.109375" style="1" customWidth="1"/>
    <col min="5671" max="5671" width="8.88671875" style="1" customWidth="1"/>
    <col min="5672" max="5672" width="2.6640625" style="1" customWidth="1"/>
    <col min="5673" max="5675" width="2.109375" style="1" customWidth="1"/>
    <col min="5676" max="5676" width="5.6640625" style="1" customWidth="1"/>
    <col min="5677" max="5677" width="2.109375" style="1" customWidth="1"/>
    <col min="5678" max="5678" width="15.109375" style="1" customWidth="1"/>
    <col min="5679" max="5679" width="1.6640625" style="1" customWidth="1"/>
    <col min="5680" max="5680" width="3.109375" style="1" customWidth="1"/>
    <col min="5681" max="5681" width="3.6640625" style="1" customWidth="1"/>
    <col min="5682" max="5682" width="3.109375" style="1" customWidth="1"/>
    <col min="5683" max="5683" width="2.6640625" style="1" customWidth="1"/>
    <col min="5684" max="5684" width="6.6640625" style="1" customWidth="1"/>
    <col min="5685" max="5685" width="2.6640625" style="1" customWidth="1"/>
    <col min="5686" max="5895" width="9" style="1"/>
    <col min="5896" max="5896" width="11.6640625" style="1" bestFit="1" customWidth="1"/>
    <col min="5897" max="5897" width="6.44140625" style="1" bestFit="1" customWidth="1"/>
    <col min="5898" max="5898" width="2.109375" style="1" customWidth="1"/>
    <col min="5899" max="5899" width="4.6640625" style="1" customWidth="1"/>
    <col min="5900" max="5901" width="2.109375" style="1" customWidth="1"/>
    <col min="5902" max="5902" width="5.6640625" style="1" customWidth="1"/>
    <col min="5903" max="5903" width="3.6640625" style="1" customWidth="1"/>
    <col min="5904" max="5904" width="5.6640625" style="1" customWidth="1"/>
    <col min="5905" max="5905" width="3.6640625" style="1" customWidth="1"/>
    <col min="5906" max="5906" width="3.44140625" style="1" bestFit="1" customWidth="1"/>
    <col min="5907" max="5907" width="3.6640625" style="1" customWidth="1"/>
    <col min="5908" max="5908" width="3.44140625" style="1" bestFit="1" customWidth="1"/>
    <col min="5909" max="5909" width="3.6640625" style="1" customWidth="1"/>
    <col min="5910" max="5910" width="3.44140625" style="1" bestFit="1" customWidth="1"/>
    <col min="5911" max="5911" width="5.109375" style="1" customWidth="1"/>
    <col min="5912" max="5912" width="2.109375" style="1" customWidth="1"/>
    <col min="5913" max="5913" width="3.6640625" style="1" customWidth="1"/>
    <col min="5914" max="5914" width="2.88671875" style="1" customWidth="1"/>
    <col min="5915" max="5915" width="8.6640625" style="1" customWidth="1"/>
    <col min="5916" max="5916" width="2.88671875" style="1" customWidth="1"/>
    <col min="5917" max="5917" width="1.6640625" style="1" customWidth="1"/>
    <col min="5918" max="5918" width="10.33203125" style="1" customWidth="1"/>
    <col min="5919" max="5919" width="5.6640625" style="1" customWidth="1"/>
    <col min="5920" max="5920" width="2.109375" style="1" customWidth="1"/>
    <col min="5921" max="5921" width="1.88671875" style="1" customWidth="1"/>
    <col min="5922" max="5922" width="2.109375" style="1" customWidth="1"/>
    <col min="5923" max="5923" width="3.109375" style="1" customWidth="1"/>
    <col min="5924" max="5925" width="3.6640625" style="1" customWidth="1"/>
    <col min="5926" max="5926" width="5.109375" style="1" customWidth="1"/>
    <col min="5927" max="5927" width="8.88671875" style="1" customWidth="1"/>
    <col min="5928" max="5928" width="2.6640625" style="1" customWidth="1"/>
    <col min="5929" max="5931" width="2.109375" style="1" customWidth="1"/>
    <col min="5932" max="5932" width="5.6640625" style="1" customWidth="1"/>
    <col min="5933" max="5933" width="2.109375" style="1" customWidth="1"/>
    <col min="5934" max="5934" width="15.109375" style="1" customWidth="1"/>
    <col min="5935" max="5935" width="1.6640625" style="1" customWidth="1"/>
    <col min="5936" max="5936" width="3.109375" style="1" customWidth="1"/>
    <col min="5937" max="5937" width="3.6640625" style="1" customWidth="1"/>
    <col min="5938" max="5938" width="3.109375" style="1" customWidth="1"/>
    <col min="5939" max="5939" width="2.6640625" style="1" customWidth="1"/>
    <col min="5940" max="5940" width="6.6640625" style="1" customWidth="1"/>
    <col min="5941" max="5941" width="2.6640625" style="1" customWidth="1"/>
    <col min="5942" max="6151" width="9" style="1"/>
    <col min="6152" max="6152" width="11.6640625" style="1" bestFit="1" customWidth="1"/>
    <col min="6153" max="6153" width="6.44140625" style="1" bestFit="1" customWidth="1"/>
    <col min="6154" max="6154" width="2.109375" style="1" customWidth="1"/>
    <col min="6155" max="6155" width="4.6640625" style="1" customWidth="1"/>
    <col min="6156" max="6157" width="2.109375" style="1" customWidth="1"/>
    <col min="6158" max="6158" width="5.6640625" style="1" customWidth="1"/>
    <col min="6159" max="6159" width="3.6640625" style="1" customWidth="1"/>
    <col min="6160" max="6160" width="5.6640625" style="1" customWidth="1"/>
    <col min="6161" max="6161" width="3.6640625" style="1" customWidth="1"/>
    <col min="6162" max="6162" width="3.44140625" style="1" bestFit="1" customWidth="1"/>
    <col min="6163" max="6163" width="3.6640625" style="1" customWidth="1"/>
    <col min="6164" max="6164" width="3.44140625" style="1" bestFit="1" customWidth="1"/>
    <col min="6165" max="6165" width="3.6640625" style="1" customWidth="1"/>
    <col min="6166" max="6166" width="3.44140625" style="1" bestFit="1" customWidth="1"/>
    <col min="6167" max="6167" width="5.109375" style="1" customWidth="1"/>
    <col min="6168" max="6168" width="2.109375" style="1" customWidth="1"/>
    <col min="6169" max="6169" width="3.6640625" style="1" customWidth="1"/>
    <col min="6170" max="6170" width="2.88671875" style="1" customWidth="1"/>
    <col min="6171" max="6171" width="8.6640625" style="1" customWidth="1"/>
    <col min="6172" max="6172" width="2.88671875" style="1" customWidth="1"/>
    <col min="6173" max="6173" width="1.6640625" style="1" customWidth="1"/>
    <col min="6174" max="6174" width="10.33203125" style="1" customWidth="1"/>
    <col min="6175" max="6175" width="5.6640625" style="1" customWidth="1"/>
    <col min="6176" max="6176" width="2.109375" style="1" customWidth="1"/>
    <col min="6177" max="6177" width="1.88671875" style="1" customWidth="1"/>
    <col min="6178" max="6178" width="2.109375" style="1" customWidth="1"/>
    <col min="6179" max="6179" width="3.109375" style="1" customWidth="1"/>
    <col min="6180" max="6181" width="3.6640625" style="1" customWidth="1"/>
    <col min="6182" max="6182" width="5.109375" style="1" customWidth="1"/>
    <col min="6183" max="6183" width="8.88671875" style="1" customWidth="1"/>
    <col min="6184" max="6184" width="2.6640625" style="1" customWidth="1"/>
    <col min="6185" max="6187" width="2.109375" style="1" customWidth="1"/>
    <col min="6188" max="6188" width="5.6640625" style="1" customWidth="1"/>
    <col min="6189" max="6189" width="2.109375" style="1" customWidth="1"/>
    <col min="6190" max="6190" width="15.109375" style="1" customWidth="1"/>
    <col min="6191" max="6191" width="1.6640625" style="1" customWidth="1"/>
    <col min="6192" max="6192" width="3.109375" style="1" customWidth="1"/>
    <col min="6193" max="6193" width="3.6640625" style="1" customWidth="1"/>
    <col min="6194" max="6194" width="3.109375" style="1" customWidth="1"/>
    <col min="6195" max="6195" width="2.6640625" style="1" customWidth="1"/>
    <col min="6196" max="6196" width="6.6640625" style="1" customWidth="1"/>
    <col min="6197" max="6197" width="2.6640625" style="1" customWidth="1"/>
    <col min="6198" max="6407" width="9" style="1"/>
    <col min="6408" max="6408" width="11.6640625" style="1" bestFit="1" customWidth="1"/>
    <col min="6409" max="6409" width="6.44140625" style="1" bestFit="1" customWidth="1"/>
    <col min="6410" max="6410" width="2.109375" style="1" customWidth="1"/>
    <col min="6411" max="6411" width="4.6640625" style="1" customWidth="1"/>
    <col min="6412" max="6413" width="2.109375" style="1" customWidth="1"/>
    <col min="6414" max="6414" width="5.6640625" style="1" customWidth="1"/>
    <col min="6415" max="6415" width="3.6640625" style="1" customWidth="1"/>
    <col min="6416" max="6416" width="5.6640625" style="1" customWidth="1"/>
    <col min="6417" max="6417" width="3.6640625" style="1" customWidth="1"/>
    <col min="6418" max="6418" width="3.44140625" style="1" bestFit="1" customWidth="1"/>
    <col min="6419" max="6419" width="3.6640625" style="1" customWidth="1"/>
    <col min="6420" max="6420" width="3.44140625" style="1" bestFit="1" customWidth="1"/>
    <col min="6421" max="6421" width="3.6640625" style="1" customWidth="1"/>
    <col min="6422" max="6422" width="3.44140625" style="1" bestFit="1" customWidth="1"/>
    <col min="6423" max="6423" width="5.109375" style="1" customWidth="1"/>
    <col min="6424" max="6424" width="2.109375" style="1" customWidth="1"/>
    <col min="6425" max="6425" width="3.6640625" style="1" customWidth="1"/>
    <col min="6426" max="6426" width="2.88671875" style="1" customWidth="1"/>
    <col min="6427" max="6427" width="8.6640625" style="1" customWidth="1"/>
    <col min="6428" max="6428" width="2.88671875" style="1" customWidth="1"/>
    <col min="6429" max="6429" width="1.6640625" style="1" customWidth="1"/>
    <col min="6430" max="6430" width="10.33203125" style="1" customWidth="1"/>
    <col min="6431" max="6431" width="5.6640625" style="1" customWidth="1"/>
    <col min="6432" max="6432" width="2.109375" style="1" customWidth="1"/>
    <col min="6433" max="6433" width="1.88671875" style="1" customWidth="1"/>
    <col min="6434" max="6434" width="2.109375" style="1" customWidth="1"/>
    <col min="6435" max="6435" width="3.109375" style="1" customWidth="1"/>
    <col min="6436" max="6437" width="3.6640625" style="1" customWidth="1"/>
    <col min="6438" max="6438" width="5.109375" style="1" customWidth="1"/>
    <col min="6439" max="6439" width="8.88671875" style="1" customWidth="1"/>
    <col min="6440" max="6440" width="2.6640625" style="1" customWidth="1"/>
    <col min="6441" max="6443" width="2.109375" style="1" customWidth="1"/>
    <col min="6444" max="6444" width="5.6640625" style="1" customWidth="1"/>
    <col min="6445" max="6445" width="2.109375" style="1" customWidth="1"/>
    <col min="6446" max="6446" width="15.109375" style="1" customWidth="1"/>
    <col min="6447" max="6447" width="1.6640625" style="1" customWidth="1"/>
    <col min="6448" max="6448" width="3.109375" style="1" customWidth="1"/>
    <col min="6449" max="6449" width="3.6640625" style="1" customWidth="1"/>
    <col min="6450" max="6450" width="3.109375" style="1" customWidth="1"/>
    <col min="6451" max="6451" width="2.6640625" style="1" customWidth="1"/>
    <col min="6452" max="6452" width="6.6640625" style="1" customWidth="1"/>
    <col min="6453" max="6453" width="2.6640625" style="1" customWidth="1"/>
    <col min="6454" max="6663" width="9" style="1"/>
    <col min="6664" max="6664" width="11.6640625" style="1" bestFit="1" customWidth="1"/>
    <col min="6665" max="6665" width="6.44140625" style="1" bestFit="1" customWidth="1"/>
    <col min="6666" max="6666" width="2.109375" style="1" customWidth="1"/>
    <col min="6667" max="6667" width="4.6640625" style="1" customWidth="1"/>
    <col min="6668" max="6669" width="2.109375" style="1" customWidth="1"/>
    <col min="6670" max="6670" width="5.6640625" style="1" customWidth="1"/>
    <col min="6671" max="6671" width="3.6640625" style="1" customWidth="1"/>
    <col min="6672" max="6672" width="5.6640625" style="1" customWidth="1"/>
    <col min="6673" max="6673" width="3.6640625" style="1" customWidth="1"/>
    <col min="6674" max="6674" width="3.44140625" style="1" bestFit="1" customWidth="1"/>
    <col min="6675" max="6675" width="3.6640625" style="1" customWidth="1"/>
    <col min="6676" max="6676" width="3.44140625" style="1" bestFit="1" customWidth="1"/>
    <col min="6677" max="6677" width="3.6640625" style="1" customWidth="1"/>
    <col min="6678" max="6678" width="3.44140625" style="1" bestFit="1" customWidth="1"/>
    <col min="6679" max="6679" width="5.109375" style="1" customWidth="1"/>
    <col min="6680" max="6680" width="2.109375" style="1" customWidth="1"/>
    <col min="6681" max="6681" width="3.6640625" style="1" customWidth="1"/>
    <col min="6682" max="6682" width="2.88671875" style="1" customWidth="1"/>
    <col min="6683" max="6683" width="8.6640625" style="1" customWidth="1"/>
    <col min="6684" max="6684" width="2.88671875" style="1" customWidth="1"/>
    <col min="6685" max="6685" width="1.6640625" style="1" customWidth="1"/>
    <col min="6686" max="6686" width="10.33203125" style="1" customWidth="1"/>
    <col min="6687" max="6687" width="5.6640625" style="1" customWidth="1"/>
    <col min="6688" max="6688" width="2.109375" style="1" customWidth="1"/>
    <col min="6689" max="6689" width="1.88671875" style="1" customWidth="1"/>
    <col min="6690" max="6690" width="2.109375" style="1" customWidth="1"/>
    <col min="6691" max="6691" width="3.109375" style="1" customWidth="1"/>
    <col min="6692" max="6693" width="3.6640625" style="1" customWidth="1"/>
    <col min="6694" max="6694" width="5.109375" style="1" customWidth="1"/>
    <col min="6695" max="6695" width="8.88671875" style="1" customWidth="1"/>
    <col min="6696" max="6696" width="2.6640625" style="1" customWidth="1"/>
    <col min="6697" max="6699" width="2.109375" style="1" customWidth="1"/>
    <col min="6700" max="6700" width="5.6640625" style="1" customWidth="1"/>
    <col min="6701" max="6701" width="2.109375" style="1" customWidth="1"/>
    <col min="6702" max="6702" width="15.109375" style="1" customWidth="1"/>
    <col min="6703" max="6703" width="1.6640625" style="1" customWidth="1"/>
    <col min="6704" max="6704" width="3.109375" style="1" customWidth="1"/>
    <col min="6705" max="6705" width="3.6640625" style="1" customWidth="1"/>
    <col min="6706" max="6706" width="3.109375" style="1" customWidth="1"/>
    <col min="6707" max="6707" width="2.6640625" style="1" customWidth="1"/>
    <col min="6708" max="6708" width="6.6640625" style="1" customWidth="1"/>
    <col min="6709" max="6709" width="2.6640625" style="1" customWidth="1"/>
    <col min="6710" max="6919" width="9" style="1"/>
    <col min="6920" max="6920" width="11.6640625" style="1" bestFit="1" customWidth="1"/>
    <col min="6921" max="6921" width="6.44140625" style="1" bestFit="1" customWidth="1"/>
    <col min="6922" max="6922" width="2.109375" style="1" customWidth="1"/>
    <col min="6923" max="6923" width="4.6640625" style="1" customWidth="1"/>
    <col min="6924" max="6925" width="2.109375" style="1" customWidth="1"/>
    <col min="6926" max="6926" width="5.6640625" style="1" customWidth="1"/>
    <col min="6927" max="6927" width="3.6640625" style="1" customWidth="1"/>
    <col min="6928" max="6928" width="5.6640625" style="1" customWidth="1"/>
    <col min="6929" max="6929" width="3.6640625" style="1" customWidth="1"/>
    <col min="6930" max="6930" width="3.44140625" style="1" bestFit="1" customWidth="1"/>
    <col min="6931" max="6931" width="3.6640625" style="1" customWidth="1"/>
    <col min="6932" max="6932" width="3.44140625" style="1" bestFit="1" customWidth="1"/>
    <col min="6933" max="6933" width="3.6640625" style="1" customWidth="1"/>
    <col min="6934" max="6934" width="3.44140625" style="1" bestFit="1" customWidth="1"/>
    <col min="6935" max="6935" width="5.109375" style="1" customWidth="1"/>
    <col min="6936" max="6936" width="2.109375" style="1" customWidth="1"/>
    <col min="6937" max="6937" width="3.6640625" style="1" customWidth="1"/>
    <col min="6938" max="6938" width="2.88671875" style="1" customWidth="1"/>
    <col min="6939" max="6939" width="8.6640625" style="1" customWidth="1"/>
    <col min="6940" max="6940" width="2.88671875" style="1" customWidth="1"/>
    <col min="6941" max="6941" width="1.6640625" style="1" customWidth="1"/>
    <col min="6942" max="6942" width="10.33203125" style="1" customWidth="1"/>
    <col min="6943" max="6943" width="5.6640625" style="1" customWidth="1"/>
    <col min="6944" max="6944" width="2.109375" style="1" customWidth="1"/>
    <col min="6945" max="6945" width="1.88671875" style="1" customWidth="1"/>
    <col min="6946" max="6946" width="2.109375" style="1" customWidth="1"/>
    <col min="6947" max="6947" width="3.109375" style="1" customWidth="1"/>
    <col min="6948" max="6949" width="3.6640625" style="1" customWidth="1"/>
    <col min="6950" max="6950" width="5.109375" style="1" customWidth="1"/>
    <col min="6951" max="6951" width="8.88671875" style="1" customWidth="1"/>
    <col min="6952" max="6952" width="2.6640625" style="1" customWidth="1"/>
    <col min="6953" max="6955" width="2.109375" style="1" customWidth="1"/>
    <col min="6956" max="6956" width="5.6640625" style="1" customWidth="1"/>
    <col min="6957" max="6957" width="2.109375" style="1" customWidth="1"/>
    <col min="6958" max="6958" width="15.109375" style="1" customWidth="1"/>
    <col min="6959" max="6959" width="1.6640625" style="1" customWidth="1"/>
    <col min="6960" max="6960" width="3.109375" style="1" customWidth="1"/>
    <col min="6961" max="6961" width="3.6640625" style="1" customWidth="1"/>
    <col min="6962" max="6962" width="3.109375" style="1" customWidth="1"/>
    <col min="6963" max="6963" width="2.6640625" style="1" customWidth="1"/>
    <col min="6964" max="6964" width="6.6640625" style="1" customWidth="1"/>
    <col min="6965" max="6965" width="2.6640625" style="1" customWidth="1"/>
    <col min="6966" max="7175" width="9" style="1"/>
    <col min="7176" max="7176" width="11.6640625" style="1" bestFit="1" customWidth="1"/>
    <col min="7177" max="7177" width="6.44140625" style="1" bestFit="1" customWidth="1"/>
    <col min="7178" max="7178" width="2.109375" style="1" customWidth="1"/>
    <col min="7179" max="7179" width="4.6640625" style="1" customWidth="1"/>
    <col min="7180" max="7181" width="2.109375" style="1" customWidth="1"/>
    <col min="7182" max="7182" width="5.6640625" style="1" customWidth="1"/>
    <col min="7183" max="7183" width="3.6640625" style="1" customWidth="1"/>
    <col min="7184" max="7184" width="5.6640625" style="1" customWidth="1"/>
    <col min="7185" max="7185" width="3.6640625" style="1" customWidth="1"/>
    <col min="7186" max="7186" width="3.44140625" style="1" bestFit="1" customWidth="1"/>
    <col min="7187" max="7187" width="3.6640625" style="1" customWidth="1"/>
    <col min="7188" max="7188" width="3.44140625" style="1" bestFit="1" customWidth="1"/>
    <col min="7189" max="7189" width="3.6640625" style="1" customWidth="1"/>
    <col min="7190" max="7190" width="3.44140625" style="1" bestFit="1" customWidth="1"/>
    <col min="7191" max="7191" width="5.109375" style="1" customWidth="1"/>
    <col min="7192" max="7192" width="2.109375" style="1" customWidth="1"/>
    <col min="7193" max="7193" width="3.6640625" style="1" customWidth="1"/>
    <col min="7194" max="7194" width="2.88671875" style="1" customWidth="1"/>
    <col min="7195" max="7195" width="8.6640625" style="1" customWidth="1"/>
    <col min="7196" max="7196" width="2.88671875" style="1" customWidth="1"/>
    <col min="7197" max="7197" width="1.6640625" style="1" customWidth="1"/>
    <col min="7198" max="7198" width="10.33203125" style="1" customWidth="1"/>
    <col min="7199" max="7199" width="5.6640625" style="1" customWidth="1"/>
    <col min="7200" max="7200" width="2.109375" style="1" customWidth="1"/>
    <col min="7201" max="7201" width="1.88671875" style="1" customWidth="1"/>
    <col min="7202" max="7202" width="2.109375" style="1" customWidth="1"/>
    <col min="7203" max="7203" width="3.109375" style="1" customWidth="1"/>
    <col min="7204" max="7205" width="3.6640625" style="1" customWidth="1"/>
    <col min="7206" max="7206" width="5.109375" style="1" customWidth="1"/>
    <col min="7207" max="7207" width="8.88671875" style="1" customWidth="1"/>
    <col min="7208" max="7208" width="2.6640625" style="1" customWidth="1"/>
    <col min="7209" max="7211" width="2.109375" style="1" customWidth="1"/>
    <col min="7212" max="7212" width="5.6640625" style="1" customWidth="1"/>
    <col min="7213" max="7213" width="2.109375" style="1" customWidth="1"/>
    <col min="7214" max="7214" width="15.109375" style="1" customWidth="1"/>
    <col min="7215" max="7215" width="1.6640625" style="1" customWidth="1"/>
    <col min="7216" max="7216" width="3.109375" style="1" customWidth="1"/>
    <col min="7217" max="7217" width="3.6640625" style="1" customWidth="1"/>
    <col min="7218" max="7218" width="3.109375" style="1" customWidth="1"/>
    <col min="7219" max="7219" width="2.6640625" style="1" customWidth="1"/>
    <col min="7220" max="7220" width="6.6640625" style="1" customWidth="1"/>
    <col min="7221" max="7221" width="2.6640625" style="1" customWidth="1"/>
    <col min="7222" max="7431" width="9" style="1"/>
    <col min="7432" max="7432" width="11.6640625" style="1" bestFit="1" customWidth="1"/>
    <col min="7433" max="7433" width="6.44140625" style="1" bestFit="1" customWidth="1"/>
    <col min="7434" max="7434" width="2.109375" style="1" customWidth="1"/>
    <col min="7435" max="7435" width="4.6640625" style="1" customWidth="1"/>
    <col min="7436" max="7437" width="2.109375" style="1" customWidth="1"/>
    <col min="7438" max="7438" width="5.6640625" style="1" customWidth="1"/>
    <col min="7439" max="7439" width="3.6640625" style="1" customWidth="1"/>
    <col min="7440" max="7440" width="5.6640625" style="1" customWidth="1"/>
    <col min="7441" max="7441" width="3.6640625" style="1" customWidth="1"/>
    <col min="7442" max="7442" width="3.44140625" style="1" bestFit="1" customWidth="1"/>
    <col min="7443" max="7443" width="3.6640625" style="1" customWidth="1"/>
    <col min="7444" max="7444" width="3.44140625" style="1" bestFit="1" customWidth="1"/>
    <col min="7445" max="7445" width="3.6640625" style="1" customWidth="1"/>
    <col min="7446" max="7446" width="3.44140625" style="1" bestFit="1" customWidth="1"/>
    <col min="7447" max="7447" width="5.109375" style="1" customWidth="1"/>
    <col min="7448" max="7448" width="2.109375" style="1" customWidth="1"/>
    <col min="7449" max="7449" width="3.6640625" style="1" customWidth="1"/>
    <col min="7450" max="7450" width="2.88671875" style="1" customWidth="1"/>
    <col min="7451" max="7451" width="8.6640625" style="1" customWidth="1"/>
    <col min="7452" max="7452" width="2.88671875" style="1" customWidth="1"/>
    <col min="7453" max="7453" width="1.6640625" style="1" customWidth="1"/>
    <col min="7454" max="7454" width="10.33203125" style="1" customWidth="1"/>
    <col min="7455" max="7455" width="5.6640625" style="1" customWidth="1"/>
    <col min="7456" max="7456" width="2.109375" style="1" customWidth="1"/>
    <col min="7457" max="7457" width="1.88671875" style="1" customWidth="1"/>
    <col min="7458" max="7458" width="2.109375" style="1" customWidth="1"/>
    <col min="7459" max="7459" width="3.109375" style="1" customWidth="1"/>
    <col min="7460" max="7461" width="3.6640625" style="1" customWidth="1"/>
    <col min="7462" max="7462" width="5.109375" style="1" customWidth="1"/>
    <col min="7463" max="7463" width="8.88671875" style="1" customWidth="1"/>
    <col min="7464" max="7464" width="2.6640625" style="1" customWidth="1"/>
    <col min="7465" max="7467" width="2.109375" style="1" customWidth="1"/>
    <col min="7468" max="7468" width="5.6640625" style="1" customWidth="1"/>
    <col min="7469" max="7469" width="2.109375" style="1" customWidth="1"/>
    <col min="7470" max="7470" width="15.109375" style="1" customWidth="1"/>
    <col min="7471" max="7471" width="1.6640625" style="1" customWidth="1"/>
    <col min="7472" max="7472" width="3.109375" style="1" customWidth="1"/>
    <col min="7473" max="7473" width="3.6640625" style="1" customWidth="1"/>
    <col min="7474" max="7474" width="3.109375" style="1" customWidth="1"/>
    <col min="7475" max="7475" width="2.6640625" style="1" customWidth="1"/>
    <col min="7476" max="7476" width="6.6640625" style="1" customWidth="1"/>
    <col min="7477" max="7477" width="2.6640625" style="1" customWidth="1"/>
    <col min="7478" max="7687" width="9" style="1"/>
    <col min="7688" max="7688" width="11.6640625" style="1" bestFit="1" customWidth="1"/>
    <col min="7689" max="7689" width="6.44140625" style="1" bestFit="1" customWidth="1"/>
    <col min="7690" max="7690" width="2.109375" style="1" customWidth="1"/>
    <col min="7691" max="7691" width="4.6640625" style="1" customWidth="1"/>
    <col min="7692" max="7693" width="2.109375" style="1" customWidth="1"/>
    <col min="7694" max="7694" width="5.6640625" style="1" customWidth="1"/>
    <col min="7695" max="7695" width="3.6640625" style="1" customWidth="1"/>
    <col min="7696" max="7696" width="5.6640625" style="1" customWidth="1"/>
    <col min="7697" max="7697" width="3.6640625" style="1" customWidth="1"/>
    <col min="7698" max="7698" width="3.44140625" style="1" bestFit="1" customWidth="1"/>
    <col min="7699" max="7699" width="3.6640625" style="1" customWidth="1"/>
    <col min="7700" max="7700" width="3.44140625" style="1" bestFit="1" customWidth="1"/>
    <col min="7701" max="7701" width="3.6640625" style="1" customWidth="1"/>
    <col min="7702" max="7702" width="3.44140625" style="1" bestFit="1" customWidth="1"/>
    <col min="7703" max="7703" width="5.109375" style="1" customWidth="1"/>
    <col min="7704" max="7704" width="2.109375" style="1" customWidth="1"/>
    <col min="7705" max="7705" width="3.6640625" style="1" customWidth="1"/>
    <col min="7706" max="7706" width="2.88671875" style="1" customWidth="1"/>
    <col min="7707" max="7707" width="8.6640625" style="1" customWidth="1"/>
    <col min="7708" max="7708" width="2.88671875" style="1" customWidth="1"/>
    <col min="7709" max="7709" width="1.6640625" style="1" customWidth="1"/>
    <col min="7710" max="7710" width="10.33203125" style="1" customWidth="1"/>
    <col min="7711" max="7711" width="5.6640625" style="1" customWidth="1"/>
    <col min="7712" max="7712" width="2.109375" style="1" customWidth="1"/>
    <col min="7713" max="7713" width="1.88671875" style="1" customWidth="1"/>
    <col min="7714" max="7714" width="2.109375" style="1" customWidth="1"/>
    <col min="7715" max="7715" width="3.109375" style="1" customWidth="1"/>
    <col min="7716" max="7717" width="3.6640625" style="1" customWidth="1"/>
    <col min="7718" max="7718" width="5.109375" style="1" customWidth="1"/>
    <col min="7719" max="7719" width="8.88671875" style="1" customWidth="1"/>
    <col min="7720" max="7720" width="2.6640625" style="1" customWidth="1"/>
    <col min="7721" max="7723" width="2.109375" style="1" customWidth="1"/>
    <col min="7724" max="7724" width="5.6640625" style="1" customWidth="1"/>
    <col min="7725" max="7725" width="2.109375" style="1" customWidth="1"/>
    <col min="7726" max="7726" width="15.109375" style="1" customWidth="1"/>
    <col min="7727" max="7727" width="1.6640625" style="1" customWidth="1"/>
    <col min="7728" max="7728" width="3.109375" style="1" customWidth="1"/>
    <col min="7729" max="7729" width="3.6640625" style="1" customWidth="1"/>
    <col min="7730" max="7730" width="3.109375" style="1" customWidth="1"/>
    <col min="7731" max="7731" width="2.6640625" style="1" customWidth="1"/>
    <col min="7732" max="7732" width="6.6640625" style="1" customWidth="1"/>
    <col min="7733" max="7733" width="2.6640625" style="1" customWidth="1"/>
    <col min="7734" max="7943" width="9" style="1"/>
    <col min="7944" max="7944" width="11.6640625" style="1" bestFit="1" customWidth="1"/>
    <col min="7945" max="7945" width="6.44140625" style="1" bestFit="1" customWidth="1"/>
    <col min="7946" max="7946" width="2.109375" style="1" customWidth="1"/>
    <col min="7947" max="7947" width="4.6640625" style="1" customWidth="1"/>
    <col min="7948" max="7949" width="2.109375" style="1" customWidth="1"/>
    <col min="7950" max="7950" width="5.6640625" style="1" customWidth="1"/>
    <col min="7951" max="7951" width="3.6640625" style="1" customWidth="1"/>
    <col min="7952" max="7952" width="5.6640625" style="1" customWidth="1"/>
    <col min="7953" max="7953" width="3.6640625" style="1" customWidth="1"/>
    <col min="7954" max="7954" width="3.44140625" style="1" bestFit="1" customWidth="1"/>
    <col min="7955" max="7955" width="3.6640625" style="1" customWidth="1"/>
    <col min="7956" max="7956" width="3.44140625" style="1" bestFit="1" customWidth="1"/>
    <col min="7957" max="7957" width="3.6640625" style="1" customWidth="1"/>
    <col min="7958" max="7958" width="3.44140625" style="1" bestFit="1" customWidth="1"/>
    <col min="7959" max="7959" width="5.109375" style="1" customWidth="1"/>
    <col min="7960" max="7960" width="2.109375" style="1" customWidth="1"/>
    <col min="7961" max="7961" width="3.6640625" style="1" customWidth="1"/>
    <col min="7962" max="7962" width="2.88671875" style="1" customWidth="1"/>
    <col min="7963" max="7963" width="8.6640625" style="1" customWidth="1"/>
    <col min="7964" max="7964" width="2.88671875" style="1" customWidth="1"/>
    <col min="7965" max="7965" width="1.6640625" style="1" customWidth="1"/>
    <col min="7966" max="7966" width="10.33203125" style="1" customWidth="1"/>
    <col min="7967" max="7967" width="5.6640625" style="1" customWidth="1"/>
    <col min="7968" max="7968" width="2.109375" style="1" customWidth="1"/>
    <col min="7969" max="7969" width="1.88671875" style="1" customWidth="1"/>
    <col min="7970" max="7970" width="2.109375" style="1" customWidth="1"/>
    <col min="7971" max="7971" width="3.109375" style="1" customWidth="1"/>
    <col min="7972" max="7973" width="3.6640625" style="1" customWidth="1"/>
    <col min="7974" max="7974" width="5.109375" style="1" customWidth="1"/>
    <col min="7975" max="7975" width="8.88671875" style="1" customWidth="1"/>
    <col min="7976" max="7976" width="2.6640625" style="1" customWidth="1"/>
    <col min="7977" max="7979" width="2.109375" style="1" customWidth="1"/>
    <col min="7980" max="7980" width="5.6640625" style="1" customWidth="1"/>
    <col min="7981" max="7981" width="2.109375" style="1" customWidth="1"/>
    <col min="7982" max="7982" width="15.109375" style="1" customWidth="1"/>
    <col min="7983" max="7983" width="1.6640625" style="1" customWidth="1"/>
    <col min="7984" max="7984" width="3.109375" style="1" customWidth="1"/>
    <col min="7985" max="7985" width="3.6640625" style="1" customWidth="1"/>
    <col min="7986" max="7986" width="3.109375" style="1" customWidth="1"/>
    <col min="7987" max="7987" width="2.6640625" style="1" customWidth="1"/>
    <col min="7988" max="7988" width="6.6640625" style="1" customWidth="1"/>
    <col min="7989" max="7989" width="2.6640625" style="1" customWidth="1"/>
    <col min="7990" max="8199" width="9" style="1"/>
    <col min="8200" max="8200" width="11.6640625" style="1" bestFit="1" customWidth="1"/>
    <col min="8201" max="8201" width="6.44140625" style="1" bestFit="1" customWidth="1"/>
    <col min="8202" max="8202" width="2.109375" style="1" customWidth="1"/>
    <col min="8203" max="8203" width="4.6640625" style="1" customWidth="1"/>
    <col min="8204" max="8205" width="2.109375" style="1" customWidth="1"/>
    <col min="8206" max="8206" width="5.6640625" style="1" customWidth="1"/>
    <col min="8207" max="8207" width="3.6640625" style="1" customWidth="1"/>
    <col min="8208" max="8208" width="5.6640625" style="1" customWidth="1"/>
    <col min="8209" max="8209" width="3.6640625" style="1" customWidth="1"/>
    <col min="8210" max="8210" width="3.44140625" style="1" bestFit="1" customWidth="1"/>
    <col min="8211" max="8211" width="3.6640625" style="1" customWidth="1"/>
    <col min="8212" max="8212" width="3.44140625" style="1" bestFit="1" customWidth="1"/>
    <col min="8213" max="8213" width="3.6640625" style="1" customWidth="1"/>
    <col min="8214" max="8214" width="3.44140625" style="1" bestFit="1" customWidth="1"/>
    <col min="8215" max="8215" width="5.109375" style="1" customWidth="1"/>
    <col min="8216" max="8216" width="2.109375" style="1" customWidth="1"/>
    <col min="8217" max="8217" width="3.6640625" style="1" customWidth="1"/>
    <col min="8218" max="8218" width="2.88671875" style="1" customWidth="1"/>
    <col min="8219" max="8219" width="8.6640625" style="1" customWidth="1"/>
    <col min="8220" max="8220" width="2.88671875" style="1" customWidth="1"/>
    <col min="8221" max="8221" width="1.6640625" style="1" customWidth="1"/>
    <col min="8222" max="8222" width="10.33203125" style="1" customWidth="1"/>
    <col min="8223" max="8223" width="5.6640625" style="1" customWidth="1"/>
    <col min="8224" max="8224" width="2.109375" style="1" customWidth="1"/>
    <col min="8225" max="8225" width="1.88671875" style="1" customWidth="1"/>
    <col min="8226" max="8226" width="2.109375" style="1" customWidth="1"/>
    <col min="8227" max="8227" width="3.109375" style="1" customWidth="1"/>
    <col min="8228" max="8229" width="3.6640625" style="1" customWidth="1"/>
    <col min="8230" max="8230" width="5.109375" style="1" customWidth="1"/>
    <col min="8231" max="8231" width="8.88671875" style="1" customWidth="1"/>
    <col min="8232" max="8232" width="2.6640625" style="1" customWidth="1"/>
    <col min="8233" max="8235" width="2.109375" style="1" customWidth="1"/>
    <col min="8236" max="8236" width="5.6640625" style="1" customWidth="1"/>
    <col min="8237" max="8237" width="2.109375" style="1" customWidth="1"/>
    <col min="8238" max="8238" width="15.109375" style="1" customWidth="1"/>
    <col min="8239" max="8239" width="1.6640625" style="1" customWidth="1"/>
    <col min="8240" max="8240" width="3.109375" style="1" customWidth="1"/>
    <col min="8241" max="8241" width="3.6640625" style="1" customWidth="1"/>
    <col min="8242" max="8242" width="3.109375" style="1" customWidth="1"/>
    <col min="8243" max="8243" width="2.6640625" style="1" customWidth="1"/>
    <col min="8244" max="8244" width="6.6640625" style="1" customWidth="1"/>
    <col min="8245" max="8245" width="2.6640625" style="1" customWidth="1"/>
    <col min="8246" max="8455" width="9" style="1"/>
    <col min="8456" max="8456" width="11.6640625" style="1" bestFit="1" customWidth="1"/>
    <col min="8457" max="8457" width="6.44140625" style="1" bestFit="1" customWidth="1"/>
    <col min="8458" max="8458" width="2.109375" style="1" customWidth="1"/>
    <col min="8459" max="8459" width="4.6640625" style="1" customWidth="1"/>
    <col min="8460" max="8461" width="2.109375" style="1" customWidth="1"/>
    <col min="8462" max="8462" width="5.6640625" style="1" customWidth="1"/>
    <col min="8463" max="8463" width="3.6640625" style="1" customWidth="1"/>
    <col min="8464" max="8464" width="5.6640625" style="1" customWidth="1"/>
    <col min="8465" max="8465" width="3.6640625" style="1" customWidth="1"/>
    <col min="8466" max="8466" width="3.44140625" style="1" bestFit="1" customWidth="1"/>
    <col min="8467" max="8467" width="3.6640625" style="1" customWidth="1"/>
    <col min="8468" max="8468" width="3.44140625" style="1" bestFit="1" customWidth="1"/>
    <col min="8469" max="8469" width="3.6640625" style="1" customWidth="1"/>
    <col min="8470" max="8470" width="3.44140625" style="1" bestFit="1" customWidth="1"/>
    <col min="8471" max="8471" width="5.109375" style="1" customWidth="1"/>
    <col min="8472" max="8472" width="2.109375" style="1" customWidth="1"/>
    <col min="8473" max="8473" width="3.6640625" style="1" customWidth="1"/>
    <col min="8474" max="8474" width="2.88671875" style="1" customWidth="1"/>
    <col min="8475" max="8475" width="8.6640625" style="1" customWidth="1"/>
    <col min="8476" max="8476" width="2.88671875" style="1" customWidth="1"/>
    <col min="8477" max="8477" width="1.6640625" style="1" customWidth="1"/>
    <col min="8478" max="8478" width="10.33203125" style="1" customWidth="1"/>
    <col min="8479" max="8479" width="5.6640625" style="1" customWidth="1"/>
    <col min="8480" max="8480" width="2.109375" style="1" customWidth="1"/>
    <col min="8481" max="8481" width="1.88671875" style="1" customWidth="1"/>
    <col min="8482" max="8482" width="2.109375" style="1" customWidth="1"/>
    <col min="8483" max="8483" width="3.109375" style="1" customWidth="1"/>
    <col min="8484" max="8485" width="3.6640625" style="1" customWidth="1"/>
    <col min="8486" max="8486" width="5.109375" style="1" customWidth="1"/>
    <col min="8487" max="8487" width="8.88671875" style="1" customWidth="1"/>
    <col min="8488" max="8488" width="2.6640625" style="1" customWidth="1"/>
    <col min="8489" max="8491" width="2.109375" style="1" customWidth="1"/>
    <col min="8492" max="8492" width="5.6640625" style="1" customWidth="1"/>
    <col min="8493" max="8493" width="2.109375" style="1" customWidth="1"/>
    <col min="8494" max="8494" width="15.109375" style="1" customWidth="1"/>
    <col min="8495" max="8495" width="1.6640625" style="1" customWidth="1"/>
    <col min="8496" max="8496" width="3.109375" style="1" customWidth="1"/>
    <col min="8497" max="8497" width="3.6640625" style="1" customWidth="1"/>
    <col min="8498" max="8498" width="3.109375" style="1" customWidth="1"/>
    <col min="8499" max="8499" width="2.6640625" style="1" customWidth="1"/>
    <col min="8500" max="8500" width="6.6640625" style="1" customWidth="1"/>
    <col min="8501" max="8501" width="2.6640625" style="1" customWidth="1"/>
    <col min="8502" max="8711" width="9" style="1"/>
    <col min="8712" max="8712" width="11.6640625" style="1" bestFit="1" customWidth="1"/>
    <col min="8713" max="8713" width="6.44140625" style="1" bestFit="1" customWidth="1"/>
    <col min="8714" max="8714" width="2.109375" style="1" customWidth="1"/>
    <col min="8715" max="8715" width="4.6640625" style="1" customWidth="1"/>
    <col min="8716" max="8717" width="2.109375" style="1" customWidth="1"/>
    <col min="8718" max="8718" width="5.6640625" style="1" customWidth="1"/>
    <col min="8719" max="8719" width="3.6640625" style="1" customWidth="1"/>
    <col min="8720" max="8720" width="5.6640625" style="1" customWidth="1"/>
    <col min="8721" max="8721" width="3.6640625" style="1" customWidth="1"/>
    <col min="8722" max="8722" width="3.44140625" style="1" bestFit="1" customWidth="1"/>
    <col min="8723" max="8723" width="3.6640625" style="1" customWidth="1"/>
    <col min="8724" max="8724" width="3.44140625" style="1" bestFit="1" customWidth="1"/>
    <col min="8725" max="8725" width="3.6640625" style="1" customWidth="1"/>
    <col min="8726" max="8726" width="3.44140625" style="1" bestFit="1" customWidth="1"/>
    <col min="8727" max="8727" width="5.109375" style="1" customWidth="1"/>
    <col min="8728" max="8728" width="2.109375" style="1" customWidth="1"/>
    <col min="8729" max="8729" width="3.6640625" style="1" customWidth="1"/>
    <col min="8730" max="8730" width="2.88671875" style="1" customWidth="1"/>
    <col min="8731" max="8731" width="8.6640625" style="1" customWidth="1"/>
    <col min="8732" max="8732" width="2.88671875" style="1" customWidth="1"/>
    <col min="8733" max="8733" width="1.6640625" style="1" customWidth="1"/>
    <col min="8734" max="8734" width="10.33203125" style="1" customWidth="1"/>
    <col min="8735" max="8735" width="5.6640625" style="1" customWidth="1"/>
    <col min="8736" max="8736" width="2.109375" style="1" customWidth="1"/>
    <col min="8737" max="8737" width="1.88671875" style="1" customWidth="1"/>
    <col min="8738" max="8738" width="2.109375" style="1" customWidth="1"/>
    <col min="8739" max="8739" width="3.109375" style="1" customWidth="1"/>
    <col min="8740" max="8741" width="3.6640625" style="1" customWidth="1"/>
    <col min="8742" max="8742" width="5.109375" style="1" customWidth="1"/>
    <col min="8743" max="8743" width="8.88671875" style="1" customWidth="1"/>
    <col min="8744" max="8744" width="2.6640625" style="1" customWidth="1"/>
    <col min="8745" max="8747" width="2.109375" style="1" customWidth="1"/>
    <col min="8748" max="8748" width="5.6640625" style="1" customWidth="1"/>
    <col min="8749" max="8749" width="2.109375" style="1" customWidth="1"/>
    <col min="8750" max="8750" width="15.109375" style="1" customWidth="1"/>
    <col min="8751" max="8751" width="1.6640625" style="1" customWidth="1"/>
    <col min="8752" max="8752" width="3.109375" style="1" customWidth="1"/>
    <col min="8753" max="8753" width="3.6640625" style="1" customWidth="1"/>
    <col min="8754" max="8754" width="3.109375" style="1" customWidth="1"/>
    <col min="8755" max="8755" width="2.6640625" style="1" customWidth="1"/>
    <col min="8756" max="8756" width="6.6640625" style="1" customWidth="1"/>
    <col min="8757" max="8757" width="2.6640625" style="1" customWidth="1"/>
    <col min="8758" max="8967" width="9" style="1"/>
    <col min="8968" max="8968" width="11.6640625" style="1" bestFit="1" customWidth="1"/>
    <col min="8969" max="8969" width="6.44140625" style="1" bestFit="1" customWidth="1"/>
    <col min="8970" max="8970" width="2.109375" style="1" customWidth="1"/>
    <col min="8971" max="8971" width="4.6640625" style="1" customWidth="1"/>
    <col min="8972" max="8973" width="2.109375" style="1" customWidth="1"/>
    <col min="8974" max="8974" width="5.6640625" style="1" customWidth="1"/>
    <col min="8975" max="8975" width="3.6640625" style="1" customWidth="1"/>
    <col min="8976" max="8976" width="5.6640625" style="1" customWidth="1"/>
    <col min="8977" max="8977" width="3.6640625" style="1" customWidth="1"/>
    <col min="8978" max="8978" width="3.44140625" style="1" bestFit="1" customWidth="1"/>
    <col min="8979" max="8979" width="3.6640625" style="1" customWidth="1"/>
    <col min="8980" max="8980" width="3.44140625" style="1" bestFit="1" customWidth="1"/>
    <col min="8981" max="8981" width="3.6640625" style="1" customWidth="1"/>
    <col min="8982" max="8982" width="3.44140625" style="1" bestFit="1" customWidth="1"/>
    <col min="8983" max="8983" width="5.109375" style="1" customWidth="1"/>
    <col min="8984" max="8984" width="2.109375" style="1" customWidth="1"/>
    <col min="8985" max="8985" width="3.6640625" style="1" customWidth="1"/>
    <col min="8986" max="8986" width="2.88671875" style="1" customWidth="1"/>
    <col min="8987" max="8987" width="8.6640625" style="1" customWidth="1"/>
    <col min="8988" max="8988" width="2.88671875" style="1" customWidth="1"/>
    <col min="8989" max="8989" width="1.6640625" style="1" customWidth="1"/>
    <col min="8990" max="8990" width="10.33203125" style="1" customWidth="1"/>
    <col min="8991" max="8991" width="5.6640625" style="1" customWidth="1"/>
    <col min="8992" max="8992" width="2.109375" style="1" customWidth="1"/>
    <col min="8993" max="8993" width="1.88671875" style="1" customWidth="1"/>
    <col min="8994" max="8994" width="2.109375" style="1" customWidth="1"/>
    <col min="8995" max="8995" width="3.109375" style="1" customWidth="1"/>
    <col min="8996" max="8997" width="3.6640625" style="1" customWidth="1"/>
    <col min="8998" max="8998" width="5.109375" style="1" customWidth="1"/>
    <col min="8999" max="8999" width="8.88671875" style="1" customWidth="1"/>
    <col min="9000" max="9000" width="2.6640625" style="1" customWidth="1"/>
    <col min="9001" max="9003" width="2.109375" style="1" customWidth="1"/>
    <col min="9004" max="9004" width="5.6640625" style="1" customWidth="1"/>
    <col min="9005" max="9005" width="2.109375" style="1" customWidth="1"/>
    <col min="9006" max="9006" width="15.109375" style="1" customWidth="1"/>
    <col min="9007" max="9007" width="1.6640625" style="1" customWidth="1"/>
    <col min="9008" max="9008" width="3.109375" style="1" customWidth="1"/>
    <col min="9009" max="9009" width="3.6640625" style="1" customWidth="1"/>
    <col min="9010" max="9010" width="3.109375" style="1" customWidth="1"/>
    <col min="9011" max="9011" width="2.6640625" style="1" customWidth="1"/>
    <col min="9012" max="9012" width="6.6640625" style="1" customWidth="1"/>
    <col min="9013" max="9013" width="2.6640625" style="1" customWidth="1"/>
    <col min="9014" max="9223" width="9" style="1"/>
    <col min="9224" max="9224" width="11.6640625" style="1" bestFit="1" customWidth="1"/>
    <col min="9225" max="9225" width="6.44140625" style="1" bestFit="1" customWidth="1"/>
    <col min="9226" max="9226" width="2.109375" style="1" customWidth="1"/>
    <col min="9227" max="9227" width="4.6640625" style="1" customWidth="1"/>
    <col min="9228" max="9229" width="2.109375" style="1" customWidth="1"/>
    <col min="9230" max="9230" width="5.6640625" style="1" customWidth="1"/>
    <col min="9231" max="9231" width="3.6640625" style="1" customWidth="1"/>
    <col min="9232" max="9232" width="5.6640625" style="1" customWidth="1"/>
    <col min="9233" max="9233" width="3.6640625" style="1" customWidth="1"/>
    <col min="9234" max="9234" width="3.44140625" style="1" bestFit="1" customWidth="1"/>
    <col min="9235" max="9235" width="3.6640625" style="1" customWidth="1"/>
    <col min="9236" max="9236" width="3.44140625" style="1" bestFit="1" customWidth="1"/>
    <col min="9237" max="9237" width="3.6640625" style="1" customWidth="1"/>
    <col min="9238" max="9238" width="3.44140625" style="1" bestFit="1" customWidth="1"/>
    <col min="9239" max="9239" width="5.109375" style="1" customWidth="1"/>
    <col min="9240" max="9240" width="2.109375" style="1" customWidth="1"/>
    <col min="9241" max="9241" width="3.6640625" style="1" customWidth="1"/>
    <col min="9242" max="9242" width="2.88671875" style="1" customWidth="1"/>
    <col min="9243" max="9243" width="8.6640625" style="1" customWidth="1"/>
    <col min="9244" max="9244" width="2.88671875" style="1" customWidth="1"/>
    <col min="9245" max="9245" width="1.6640625" style="1" customWidth="1"/>
    <col min="9246" max="9246" width="10.33203125" style="1" customWidth="1"/>
    <col min="9247" max="9247" width="5.6640625" style="1" customWidth="1"/>
    <col min="9248" max="9248" width="2.109375" style="1" customWidth="1"/>
    <col min="9249" max="9249" width="1.88671875" style="1" customWidth="1"/>
    <col min="9250" max="9250" width="2.109375" style="1" customWidth="1"/>
    <col min="9251" max="9251" width="3.109375" style="1" customWidth="1"/>
    <col min="9252" max="9253" width="3.6640625" style="1" customWidth="1"/>
    <col min="9254" max="9254" width="5.109375" style="1" customWidth="1"/>
    <col min="9255" max="9255" width="8.88671875" style="1" customWidth="1"/>
    <col min="9256" max="9256" width="2.6640625" style="1" customWidth="1"/>
    <col min="9257" max="9259" width="2.109375" style="1" customWidth="1"/>
    <col min="9260" max="9260" width="5.6640625" style="1" customWidth="1"/>
    <col min="9261" max="9261" width="2.109375" style="1" customWidth="1"/>
    <col min="9262" max="9262" width="15.109375" style="1" customWidth="1"/>
    <col min="9263" max="9263" width="1.6640625" style="1" customWidth="1"/>
    <col min="9264" max="9264" width="3.109375" style="1" customWidth="1"/>
    <col min="9265" max="9265" width="3.6640625" style="1" customWidth="1"/>
    <col min="9266" max="9266" width="3.109375" style="1" customWidth="1"/>
    <col min="9267" max="9267" width="2.6640625" style="1" customWidth="1"/>
    <col min="9268" max="9268" width="6.6640625" style="1" customWidth="1"/>
    <col min="9269" max="9269" width="2.6640625" style="1" customWidth="1"/>
    <col min="9270" max="9479" width="9" style="1"/>
    <col min="9480" max="9480" width="11.6640625" style="1" bestFit="1" customWidth="1"/>
    <col min="9481" max="9481" width="6.44140625" style="1" bestFit="1" customWidth="1"/>
    <col min="9482" max="9482" width="2.109375" style="1" customWidth="1"/>
    <col min="9483" max="9483" width="4.6640625" style="1" customWidth="1"/>
    <col min="9484" max="9485" width="2.109375" style="1" customWidth="1"/>
    <col min="9486" max="9486" width="5.6640625" style="1" customWidth="1"/>
    <col min="9487" max="9487" width="3.6640625" style="1" customWidth="1"/>
    <col min="9488" max="9488" width="5.6640625" style="1" customWidth="1"/>
    <col min="9489" max="9489" width="3.6640625" style="1" customWidth="1"/>
    <col min="9490" max="9490" width="3.44140625" style="1" bestFit="1" customWidth="1"/>
    <col min="9491" max="9491" width="3.6640625" style="1" customWidth="1"/>
    <col min="9492" max="9492" width="3.44140625" style="1" bestFit="1" customWidth="1"/>
    <col min="9493" max="9493" width="3.6640625" style="1" customWidth="1"/>
    <col min="9494" max="9494" width="3.44140625" style="1" bestFit="1" customWidth="1"/>
    <col min="9495" max="9495" width="5.109375" style="1" customWidth="1"/>
    <col min="9496" max="9496" width="2.109375" style="1" customWidth="1"/>
    <col min="9497" max="9497" width="3.6640625" style="1" customWidth="1"/>
    <col min="9498" max="9498" width="2.88671875" style="1" customWidth="1"/>
    <col min="9499" max="9499" width="8.6640625" style="1" customWidth="1"/>
    <col min="9500" max="9500" width="2.88671875" style="1" customWidth="1"/>
    <col min="9501" max="9501" width="1.6640625" style="1" customWidth="1"/>
    <col min="9502" max="9502" width="10.33203125" style="1" customWidth="1"/>
    <col min="9503" max="9503" width="5.6640625" style="1" customWidth="1"/>
    <col min="9504" max="9504" width="2.109375" style="1" customWidth="1"/>
    <col min="9505" max="9505" width="1.88671875" style="1" customWidth="1"/>
    <col min="9506" max="9506" width="2.109375" style="1" customWidth="1"/>
    <col min="9507" max="9507" width="3.109375" style="1" customWidth="1"/>
    <col min="9508" max="9509" width="3.6640625" style="1" customWidth="1"/>
    <col min="9510" max="9510" width="5.109375" style="1" customWidth="1"/>
    <col min="9511" max="9511" width="8.88671875" style="1" customWidth="1"/>
    <col min="9512" max="9512" width="2.6640625" style="1" customWidth="1"/>
    <col min="9513" max="9515" width="2.109375" style="1" customWidth="1"/>
    <col min="9516" max="9516" width="5.6640625" style="1" customWidth="1"/>
    <col min="9517" max="9517" width="2.109375" style="1" customWidth="1"/>
    <col min="9518" max="9518" width="15.109375" style="1" customWidth="1"/>
    <col min="9519" max="9519" width="1.6640625" style="1" customWidth="1"/>
    <col min="9520" max="9520" width="3.109375" style="1" customWidth="1"/>
    <col min="9521" max="9521" width="3.6640625" style="1" customWidth="1"/>
    <col min="9522" max="9522" width="3.109375" style="1" customWidth="1"/>
    <col min="9523" max="9523" width="2.6640625" style="1" customWidth="1"/>
    <col min="9524" max="9524" width="6.6640625" style="1" customWidth="1"/>
    <col min="9525" max="9525" width="2.6640625" style="1" customWidth="1"/>
    <col min="9526" max="9735" width="9" style="1"/>
    <col min="9736" max="9736" width="11.6640625" style="1" bestFit="1" customWidth="1"/>
    <col min="9737" max="9737" width="6.44140625" style="1" bestFit="1" customWidth="1"/>
    <col min="9738" max="9738" width="2.109375" style="1" customWidth="1"/>
    <col min="9739" max="9739" width="4.6640625" style="1" customWidth="1"/>
    <col min="9740" max="9741" width="2.109375" style="1" customWidth="1"/>
    <col min="9742" max="9742" width="5.6640625" style="1" customWidth="1"/>
    <col min="9743" max="9743" width="3.6640625" style="1" customWidth="1"/>
    <col min="9744" max="9744" width="5.6640625" style="1" customWidth="1"/>
    <col min="9745" max="9745" width="3.6640625" style="1" customWidth="1"/>
    <col min="9746" max="9746" width="3.44140625" style="1" bestFit="1" customWidth="1"/>
    <col min="9747" max="9747" width="3.6640625" style="1" customWidth="1"/>
    <col min="9748" max="9748" width="3.44140625" style="1" bestFit="1" customWidth="1"/>
    <col min="9749" max="9749" width="3.6640625" style="1" customWidth="1"/>
    <col min="9750" max="9750" width="3.44140625" style="1" bestFit="1" customWidth="1"/>
    <col min="9751" max="9751" width="5.109375" style="1" customWidth="1"/>
    <col min="9752" max="9752" width="2.109375" style="1" customWidth="1"/>
    <col min="9753" max="9753" width="3.6640625" style="1" customWidth="1"/>
    <col min="9754" max="9754" width="2.88671875" style="1" customWidth="1"/>
    <col min="9755" max="9755" width="8.6640625" style="1" customWidth="1"/>
    <col min="9756" max="9756" width="2.88671875" style="1" customWidth="1"/>
    <col min="9757" max="9757" width="1.6640625" style="1" customWidth="1"/>
    <col min="9758" max="9758" width="10.33203125" style="1" customWidth="1"/>
    <col min="9759" max="9759" width="5.6640625" style="1" customWidth="1"/>
    <col min="9760" max="9760" width="2.109375" style="1" customWidth="1"/>
    <col min="9761" max="9761" width="1.88671875" style="1" customWidth="1"/>
    <col min="9762" max="9762" width="2.109375" style="1" customWidth="1"/>
    <col min="9763" max="9763" width="3.109375" style="1" customWidth="1"/>
    <col min="9764" max="9765" width="3.6640625" style="1" customWidth="1"/>
    <col min="9766" max="9766" width="5.109375" style="1" customWidth="1"/>
    <col min="9767" max="9767" width="8.88671875" style="1" customWidth="1"/>
    <col min="9768" max="9768" width="2.6640625" style="1" customWidth="1"/>
    <col min="9769" max="9771" width="2.109375" style="1" customWidth="1"/>
    <col min="9772" max="9772" width="5.6640625" style="1" customWidth="1"/>
    <col min="9773" max="9773" width="2.109375" style="1" customWidth="1"/>
    <col min="9774" max="9774" width="15.109375" style="1" customWidth="1"/>
    <col min="9775" max="9775" width="1.6640625" style="1" customWidth="1"/>
    <col min="9776" max="9776" width="3.109375" style="1" customWidth="1"/>
    <col min="9777" max="9777" width="3.6640625" style="1" customWidth="1"/>
    <col min="9778" max="9778" width="3.109375" style="1" customWidth="1"/>
    <col min="9779" max="9779" width="2.6640625" style="1" customWidth="1"/>
    <col min="9780" max="9780" width="6.6640625" style="1" customWidth="1"/>
    <col min="9781" max="9781" width="2.6640625" style="1" customWidth="1"/>
    <col min="9782" max="9991" width="9" style="1"/>
    <col min="9992" max="9992" width="11.6640625" style="1" bestFit="1" customWidth="1"/>
    <col min="9993" max="9993" width="6.44140625" style="1" bestFit="1" customWidth="1"/>
    <col min="9994" max="9994" width="2.109375" style="1" customWidth="1"/>
    <col min="9995" max="9995" width="4.6640625" style="1" customWidth="1"/>
    <col min="9996" max="9997" width="2.109375" style="1" customWidth="1"/>
    <col min="9998" max="9998" width="5.6640625" style="1" customWidth="1"/>
    <col min="9999" max="9999" width="3.6640625" style="1" customWidth="1"/>
    <col min="10000" max="10000" width="5.6640625" style="1" customWidth="1"/>
    <col min="10001" max="10001" width="3.6640625" style="1" customWidth="1"/>
    <col min="10002" max="10002" width="3.44140625" style="1" bestFit="1" customWidth="1"/>
    <col min="10003" max="10003" width="3.6640625" style="1" customWidth="1"/>
    <col min="10004" max="10004" width="3.44140625" style="1" bestFit="1" customWidth="1"/>
    <col min="10005" max="10005" width="3.6640625" style="1" customWidth="1"/>
    <col min="10006" max="10006" width="3.44140625" style="1" bestFit="1" customWidth="1"/>
    <col min="10007" max="10007" width="5.109375" style="1" customWidth="1"/>
    <col min="10008" max="10008" width="2.109375" style="1" customWidth="1"/>
    <col min="10009" max="10009" width="3.6640625" style="1" customWidth="1"/>
    <col min="10010" max="10010" width="2.88671875" style="1" customWidth="1"/>
    <col min="10011" max="10011" width="8.6640625" style="1" customWidth="1"/>
    <col min="10012" max="10012" width="2.88671875" style="1" customWidth="1"/>
    <col min="10013" max="10013" width="1.6640625" style="1" customWidth="1"/>
    <col min="10014" max="10014" width="10.33203125" style="1" customWidth="1"/>
    <col min="10015" max="10015" width="5.6640625" style="1" customWidth="1"/>
    <col min="10016" max="10016" width="2.109375" style="1" customWidth="1"/>
    <col min="10017" max="10017" width="1.88671875" style="1" customWidth="1"/>
    <col min="10018" max="10018" width="2.109375" style="1" customWidth="1"/>
    <col min="10019" max="10019" width="3.109375" style="1" customWidth="1"/>
    <col min="10020" max="10021" width="3.6640625" style="1" customWidth="1"/>
    <col min="10022" max="10022" width="5.109375" style="1" customWidth="1"/>
    <col min="10023" max="10023" width="8.88671875" style="1" customWidth="1"/>
    <col min="10024" max="10024" width="2.6640625" style="1" customWidth="1"/>
    <col min="10025" max="10027" width="2.109375" style="1" customWidth="1"/>
    <col min="10028" max="10028" width="5.6640625" style="1" customWidth="1"/>
    <col min="10029" max="10029" width="2.109375" style="1" customWidth="1"/>
    <col min="10030" max="10030" width="15.109375" style="1" customWidth="1"/>
    <col min="10031" max="10031" width="1.6640625" style="1" customWidth="1"/>
    <col min="10032" max="10032" width="3.109375" style="1" customWidth="1"/>
    <col min="10033" max="10033" width="3.6640625" style="1" customWidth="1"/>
    <col min="10034" max="10034" width="3.109375" style="1" customWidth="1"/>
    <col min="10035" max="10035" width="2.6640625" style="1" customWidth="1"/>
    <col min="10036" max="10036" width="6.6640625" style="1" customWidth="1"/>
    <col min="10037" max="10037" width="2.6640625" style="1" customWidth="1"/>
    <col min="10038" max="10247" width="9" style="1"/>
    <col min="10248" max="10248" width="11.6640625" style="1" bestFit="1" customWidth="1"/>
    <col min="10249" max="10249" width="6.44140625" style="1" bestFit="1" customWidth="1"/>
    <col min="10250" max="10250" width="2.109375" style="1" customWidth="1"/>
    <col min="10251" max="10251" width="4.6640625" style="1" customWidth="1"/>
    <col min="10252" max="10253" width="2.109375" style="1" customWidth="1"/>
    <col min="10254" max="10254" width="5.6640625" style="1" customWidth="1"/>
    <col min="10255" max="10255" width="3.6640625" style="1" customWidth="1"/>
    <col min="10256" max="10256" width="5.6640625" style="1" customWidth="1"/>
    <col min="10257" max="10257" width="3.6640625" style="1" customWidth="1"/>
    <col min="10258" max="10258" width="3.44140625" style="1" bestFit="1" customWidth="1"/>
    <col min="10259" max="10259" width="3.6640625" style="1" customWidth="1"/>
    <col min="10260" max="10260" width="3.44140625" style="1" bestFit="1" customWidth="1"/>
    <col min="10261" max="10261" width="3.6640625" style="1" customWidth="1"/>
    <col min="10262" max="10262" width="3.44140625" style="1" bestFit="1" customWidth="1"/>
    <col min="10263" max="10263" width="5.109375" style="1" customWidth="1"/>
    <col min="10264" max="10264" width="2.109375" style="1" customWidth="1"/>
    <col min="10265" max="10265" width="3.6640625" style="1" customWidth="1"/>
    <col min="10266" max="10266" width="2.88671875" style="1" customWidth="1"/>
    <col min="10267" max="10267" width="8.6640625" style="1" customWidth="1"/>
    <col min="10268" max="10268" width="2.88671875" style="1" customWidth="1"/>
    <col min="10269" max="10269" width="1.6640625" style="1" customWidth="1"/>
    <col min="10270" max="10270" width="10.33203125" style="1" customWidth="1"/>
    <col min="10271" max="10271" width="5.6640625" style="1" customWidth="1"/>
    <col min="10272" max="10272" width="2.109375" style="1" customWidth="1"/>
    <col min="10273" max="10273" width="1.88671875" style="1" customWidth="1"/>
    <col min="10274" max="10274" width="2.109375" style="1" customWidth="1"/>
    <col min="10275" max="10275" width="3.109375" style="1" customWidth="1"/>
    <col min="10276" max="10277" width="3.6640625" style="1" customWidth="1"/>
    <col min="10278" max="10278" width="5.109375" style="1" customWidth="1"/>
    <col min="10279" max="10279" width="8.88671875" style="1" customWidth="1"/>
    <col min="10280" max="10280" width="2.6640625" style="1" customWidth="1"/>
    <col min="10281" max="10283" width="2.109375" style="1" customWidth="1"/>
    <col min="10284" max="10284" width="5.6640625" style="1" customWidth="1"/>
    <col min="10285" max="10285" width="2.109375" style="1" customWidth="1"/>
    <col min="10286" max="10286" width="15.109375" style="1" customWidth="1"/>
    <col min="10287" max="10287" width="1.6640625" style="1" customWidth="1"/>
    <col min="10288" max="10288" width="3.109375" style="1" customWidth="1"/>
    <col min="10289" max="10289" width="3.6640625" style="1" customWidth="1"/>
    <col min="10290" max="10290" width="3.109375" style="1" customWidth="1"/>
    <col min="10291" max="10291" width="2.6640625" style="1" customWidth="1"/>
    <col min="10292" max="10292" width="6.6640625" style="1" customWidth="1"/>
    <col min="10293" max="10293" width="2.6640625" style="1" customWidth="1"/>
    <col min="10294" max="10503" width="9" style="1"/>
    <col min="10504" max="10504" width="11.6640625" style="1" bestFit="1" customWidth="1"/>
    <col min="10505" max="10505" width="6.44140625" style="1" bestFit="1" customWidth="1"/>
    <col min="10506" max="10506" width="2.109375" style="1" customWidth="1"/>
    <col min="10507" max="10507" width="4.6640625" style="1" customWidth="1"/>
    <col min="10508" max="10509" width="2.109375" style="1" customWidth="1"/>
    <col min="10510" max="10510" width="5.6640625" style="1" customWidth="1"/>
    <col min="10511" max="10511" width="3.6640625" style="1" customWidth="1"/>
    <col min="10512" max="10512" width="5.6640625" style="1" customWidth="1"/>
    <col min="10513" max="10513" width="3.6640625" style="1" customWidth="1"/>
    <col min="10514" max="10514" width="3.44140625" style="1" bestFit="1" customWidth="1"/>
    <col min="10515" max="10515" width="3.6640625" style="1" customWidth="1"/>
    <col min="10516" max="10516" width="3.44140625" style="1" bestFit="1" customWidth="1"/>
    <col min="10517" max="10517" width="3.6640625" style="1" customWidth="1"/>
    <col min="10518" max="10518" width="3.44140625" style="1" bestFit="1" customWidth="1"/>
    <col min="10519" max="10519" width="5.109375" style="1" customWidth="1"/>
    <col min="10520" max="10520" width="2.109375" style="1" customWidth="1"/>
    <col min="10521" max="10521" width="3.6640625" style="1" customWidth="1"/>
    <col min="10522" max="10522" width="2.88671875" style="1" customWidth="1"/>
    <col min="10523" max="10523" width="8.6640625" style="1" customWidth="1"/>
    <col min="10524" max="10524" width="2.88671875" style="1" customWidth="1"/>
    <col min="10525" max="10525" width="1.6640625" style="1" customWidth="1"/>
    <col min="10526" max="10526" width="10.33203125" style="1" customWidth="1"/>
    <col min="10527" max="10527" width="5.6640625" style="1" customWidth="1"/>
    <col min="10528" max="10528" width="2.109375" style="1" customWidth="1"/>
    <col min="10529" max="10529" width="1.88671875" style="1" customWidth="1"/>
    <col min="10530" max="10530" width="2.109375" style="1" customWidth="1"/>
    <col min="10531" max="10531" width="3.109375" style="1" customWidth="1"/>
    <col min="10532" max="10533" width="3.6640625" style="1" customWidth="1"/>
    <col min="10534" max="10534" width="5.109375" style="1" customWidth="1"/>
    <col min="10535" max="10535" width="8.88671875" style="1" customWidth="1"/>
    <col min="10536" max="10536" width="2.6640625" style="1" customWidth="1"/>
    <col min="10537" max="10539" width="2.109375" style="1" customWidth="1"/>
    <col min="10540" max="10540" width="5.6640625" style="1" customWidth="1"/>
    <col min="10541" max="10541" width="2.109375" style="1" customWidth="1"/>
    <col min="10542" max="10542" width="15.109375" style="1" customWidth="1"/>
    <col min="10543" max="10543" width="1.6640625" style="1" customWidth="1"/>
    <col min="10544" max="10544" width="3.109375" style="1" customWidth="1"/>
    <col min="10545" max="10545" width="3.6640625" style="1" customWidth="1"/>
    <col min="10546" max="10546" width="3.109375" style="1" customWidth="1"/>
    <col min="10547" max="10547" width="2.6640625" style="1" customWidth="1"/>
    <col min="10548" max="10548" width="6.6640625" style="1" customWidth="1"/>
    <col min="10549" max="10549" width="2.6640625" style="1" customWidth="1"/>
    <col min="10550" max="10759" width="9" style="1"/>
    <col min="10760" max="10760" width="11.6640625" style="1" bestFit="1" customWidth="1"/>
    <col min="10761" max="10761" width="6.44140625" style="1" bestFit="1" customWidth="1"/>
    <col min="10762" max="10762" width="2.109375" style="1" customWidth="1"/>
    <col min="10763" max="10763" width="4.6640625" style="1" customWidth="1"/>
    <col min="10764" max="10765" width="2.109375" style="1" customWidth="1"/>
    <col min="10766" max="10766" width="5.6640625" style="1" customWidth="1"/>
    <col min="10767" max="10767" width="3.6640625" style="1" customWidth="1"/>
    <col min="10768" max="10768" width="5.6640625" style="1" customWidth="1"/>
    <col min="10769" max="10769" width="3.6640625" style="1" customWidth="1"/>
    <col min="10770" max="10770" width="3.44140625" style="1" bestFit="1" customWidth="1"/>
    <col min="10771" max="10771" width="3.6640625" style="1" customWidth="1"/>
    <col min="10772" max="10772" width="3.44140625" style="1" bestFit="1" customWidth="1"/>
    <col min="10773" max="10773" width="3.6640625" style="1" customWidth="1"/>
    <col min="10774" max="10774" width="3.44140625" style="1" bestFit="1" customWidth="1"/>
    <col min="10775" max="10775" width="5.109375" style="1" customWidth="1"/>
    <col min="10776" max="10776" width="2.109375" style="1" customWidth="1"/>
    <col min="10777" max="10777" width="3.6640625" style="1" customWidth="1"/>
    <col min="10778" max="10778" width="2.88671875" style="1" customWidth="1"/>
    <col min="10779" max="10779" width="8.6640625" style="1" customWidth="1"/>
    <col min="10780" max="10780" width="2.88671875" style="1" customWidth="1"/>
    <col min="10781" max="10781" width="1.6640625" style="1" customWidth="1"/>
    <col min="10782" max="10782" width="10.33203125" style="1" customWidth="1"/>
    <col min="10783" max="10783" width="5.6640625" style="1" customWidth="1"/>
    <col min="10784" max="10784" width="2.109375" style="1" customWidth="1"/>
    <col min="10785" max="10785" width="1.88671875" style="1" customWidth="1"/>
    <col min="10786" max="10786" width="2.109375" style="1" customWidth="1"/>
    <col min="10787" max="10787" width="3.109375" style="1" customWidth="1"/>
    <col min="10788" max="10789" width="3.6640625" style="1" customWidth="1"/>
    <col min="10790" max="10790" width="5.109375" style="1" customWidth="1"/>
    <col min="10791" max="10791" width="8.88671875" style="1" customWidth="1"/>
    <col min="10792" max="10792" width="2.6640625" style="1" customWidth="1"/>
    <col min="10793" max="10795" width="2.109375" style="1" customWidth="1"/>
    <col min="10796" max="10796" width="5.6640625" style="1" customWidth="1"/>
    <col min="10797" max="10797" width="2.109375" style="1" customWidth="1"/>
    <col min="10798" max="10798" width="15.109375" style="1" customWidth="1"/>
    <col min="10799" max="10799" width="1.6640625" style="1" customWidth="1"/>
    <col min="10800" max="10800" width="3.109375" style="1" customWidth="1"/>
    <col min="10801" max="10801" width="3.6640625" style="1" customWidth="1"/>
    <col min="10802" max="10802" width="3.109375" style="1" customWidth="1"/>
    <col min="10803" max="10803" width="2.6640625" style="1" customWidth="1"/>
    <col min="10804" max="10804" width="6.6640625" style="1" customWidth="1"/>
    <col min="10805" max="10805" width="2.6640625" style="1" customWidth="1"/>
    <col min="10806" max="11015" width="9" style="1"/>
    <col min="11016" max="11016" width="11.6640625" style="1" bestFit="1" customWidth="1"/>
    <col min="11017" max="11017" width="6.44140625" style="1" bestFit="1" customWidth="1"/>
    <col min="11018" max="11018" width="2.109375" style="1" customWidth="1"/>
    <col min="11019" max="11019" width="4.6640625" style="1" customWidth="1"/>
    <col min="11020" max="11021" width="2.109375" style="1" customWidth="1"/>
    <col min="11022" max="11022" width="5.6640625" style="1" customWidth="1"/>
    <col min="11023" max="11023" width="3.6640625" style="1" customWidth="1"/>
    <col min="11024" max="11024" width="5.6640625" style="1" customWidth="1"/>
    <col min="11025" max="11025" width="3.6640625" style="1" customWidth="1"/>
    <col min="11026" max="11026" width="3.44140625" style="1" bestFit="1" customWidth="1"/>
    <col min="11027" max="11027" width="3.6640625" style="1" customWidth="1"/>
    <col min="11028" max="11028" width="3.44140625" style="1" bestFit="1" customWidth="1"/>
    <col min="11029" max="11029" width="3.6640625" style="1" customWidth="1"/>
    <col min="11030" max="11030" width="3.44140625" style="1" bestFit="1" customWidth="1"/>
    <col min="11031" max="11031" width="5.109375" style="1" customWidth="1"/>
    <col min="11032" max="11032" width="2.109375" style="1" customWidth="1"/>
    <col min="11033" max="11033" width="3.6640625" style="1" customWidth="1"/>
    <col min="11034" max="11034" width="2.88671875" style="1" customWidth="1"/>
    <col min="11035" max="11035" width="8.6640625" style="1" customWidth="1"/>
    <col min="11036" max="11036" width="2.88671875" style="1" customWidth="1"/>
    <col min="11037" max="11037" width="1.6640625" style="1" customWidth="1"/>
    <col min="11038" max="11038" width="10.33203125" style="1" customWidth="1"/>
    <col min="11039" max="11039" width="5.6640625" style="1" customWidth="1"/>
    <col min="11040" max="11040" width="2.109375" style="1" customWidth="1"/>
    <col min="11041" max="11041" width="1.88671875" style="1" customWidth="1"/>
    <col min="11042" max="11042" width="2.109375" style="1" customWidth="1"/>
    <col min="11043" max="11043" width="3.109375" style="1" customWidth="1"/>
    <col min="11044" max="11045" width="3.6640625" style="1" customWidth="1"/>
    <col min="11046" max="11046" width="5.109375" style="1" customWidth="1"/>
    <col min="11047" max="11047" width="8.88671875" style="1" customWidth="1"/>
    <col min="11048" max="11048" width="2.6640625" style="1" customWidth="1"/>
    <col min="11049" max="11051" width="2.109375" style="1" customWidth="1"/>
    <col min="11052" max="11052" width="5.6640625" style="1" customWidth="1"/>
    <col min="11053" max="11053" width="2.109375" style="1" customWidth="1"/>
    <col min="11054" max="11054" width="15.109375" style="1" customWidth="1"/>
    <col min="11055" max="11055" width="1.6640625" style="1" customWidth="1"/>
    <col min="11056" max="11056" width="3.109375" style="1" customWidth="1"/>
    <col min="11057" max="11057" width="3.6640625" style="1" customWidth="1"/>
    <col min="11058" max="11058" width="3.109375" style="1" customWidth="1"/>
    <col min="11059" max="11059" width="2.6640625" style="1" customWidth="1"/>
    <col min="11060" max="11060" width="6.6640625" style="1" customWidth="1"/>
    <col min="11061" max="11061" width="2.6640625" style="1" customWidth="1"/>
    <col min="11062" max="11271" width="9" style="1"/>
    <col min="11272" max="11272" width="11.6640625" style="1" bestFit="1" customWidth="1"/>
    <col min="11273" max="11273" width="6.44140625" style="1" bestFit="1" customWidth="1"/>
    <col min="11274" max="11274" width="2.109375" style="1" customWidth="1"/>
    <col min="11275" max="11275" width="4.6640625" style="1" customWidth="1"/>
    <col min="11276" max="11277" width="2.109375" style="1" customWidth="1"/>
    <col min="11278" max="11278" width="5.6640625" style="1" customWidth="1"/>
    <col min="11279" max="11279" width="3.6640625" style="1" customWidth="1"/>
    <col min="11280" max="11280" width="5.6640625" style="1" customWidth="1"/>
    <col min="11281" max="11281" width="3.6640625" style="1" customWidth="1"/>
    <col min="11282" max="11282" width="3.44140625" style="1" bestFit="1" customWidth="1"/>
    <col min="11283" max="11283" width="3.6640625" style="1" customWidth="1"/>
    <col min="11284" max="11284" width="3.44140625" style="1" bestFit="1" customWidth="1"/>
    <col min="11285" max="11285" width="3.6640625" style="1" customWidth="1"/>
    <col min="11286" max="11286" width="3.44140625" style="1" bestFit="1" customWidth="1"/>
    <col min="11287" max="11287" width="5.109375" style="1" customWidth="1"/>
    <col min="11288" max="11288" width="2.109375" style="1" customWidth="1"/>
    <col min="11289" max="11289" width="3.6640625" style="1" customWidth="1"/>
    <col min="11290" max="11290" width="2.88671875" style="1" customWidth="1"/>
    <col min="11291" max="11291" width="8.6640625" style="1" customWidth="1"/>
    <col min="11292" max="11292" width="2.88671875" style="1" customWidth="1"/>
    <col min="11293" max="11293" width="1.6640625" style="1" customWidth="1"/>
    <col min="11294" max="11294" width="10.33203125" style="1" customWidth="1"/>
    <col min="11295" max="11295" width="5.6640625" style="1" customWidth="1"/>
    <col min="11296" max="11296" width="2.109375" style="1" customWidth="1"/>
    <col min="11297" max="11297" width="1.88671875" style="1" customWidth="1"/>
    <col min="11298" max="11298" width="2.109375" style="1" customWidth="1"/>
    <col min="11299" max="11299" width="3.109375" style="1" customWidth="1"/>
    <col min="11300" max="11301" width="3.6640625" style="1" customWidth="1"/>
    <col min="11302" max="11302" width="5.109375" style="1" customWidth="1"/>
    <col min="11303" max="11303" width="8.88671875" style="1" customWidth="1"/>
    <col min="11304" max="11304" width="2.6640625" style="1" customWidth="1"/>
    <col min="11305" max="11307" width="2.109375" style="1" customWidth="1"/>
    <col min="11308" max="11308" width="5.6640625" style="1" customWidth="1"/>
    <col min="11309" max="11309" width="2.109375" style="1" customWidth="1"/>
    <col min="11310" max="11310" width="15.109375" style="1" customWidth="1"/>
    <col min="11311" max="11311" width="1.6640625" style="1" customWidth="1"/>
    <col min="11312" max="11312" width="3.109375" style="1" customWidth="1"/>
    <col min="11313" max="11313" width="3.6640625" style="1" customWidth="1"/>
    <col min="11314" max="11314" width="3.109375" style="1" customWidth="1"/>
    <col min="11315" max="11315" width="2.6640625" style="1" customWidth="1"/>
    <col min="11316" max="11316" width="6.6640625" style="1" customWidth="1"/>
    <col min="11317" max="11317" width="2.6640625" style="1" customWidth="1"/>
    <col min="11318" max="11527" width="9" style="1"/>
    <col min="11528" max="11528" width="11.6640625" style="1" bestFit="1" customWidth="1"/>
    <col min="11529" max="11529" width="6.44140625" style="1" bestFit="1" customWidth="1"/>
    <col min="11530" max="11530" width="2.109375" style="1" customWidth="1"/>
    <col min="11531" max="11531" width="4.6640625" style="1" customWidth="1"/>
    <col min="11532" max="11533" width="2.109375" style="1" customWidth="1"/>
    <col min="11534" max="11534" width="5.6640625" style="1" customWidth="1"/>
    <col min="11535" max="11535" width="3.6640625" style="1" customWidth="1"/>
    <col min="11536" max="11536" width="5.6640625" style="1" customWidth="1"/>
    <col min="11537" max="11537" width="3.6640625" style="1" customWidth="1"/>
    <col min="11538" max="11538" width="3.44140625" style="1" bestFit="1" customWidth="1"/>
    <col min="11539" max="11539" width="3.6640625" style="1" customWidth="1"/>
    <col min="11540" max="11540" width="3.44140625" style="1" bestFit="1" customWidth="1"/>
    <col min="11541" max="11541" width="3.6640625" style="1" customWidth="1"/>
    <col min="11542" max="11542" width="3.44140625" style="1" bestFit="1" customWidth="1"/>
    <col min="11543" max="11543" width="5.109375" style="1" customWidth="1"/>
    <col min="11544" max="11544" width="2.109375" style="1" customWidth="1"/>
    <col min="11545" max="11545" width="3.6640625" style="1" customWidth="1"/>
    <col min="11546" max="11546" width="2.88671875" style="1" customWidth="1"/>
    <col min="11547" max="11547" width="8.6640625" style="1" customWidth="1"/>
    <col min="11548" max="11548" width="2.88671875" style="1" customWidth="1"/>
    <col min="11549" max="11549" width="1.6640625" style="1" customWidth="1"/>
    <col min="11550" max="11550" width="10.33203125" style="1" customWidth="1"/>
    <col min="11551" max="11551" width="5.6640625" style="1" customWidth="1"/>
    <col min="11552" max="11552" width="2.109375" style="1" customWidth="1"/>
    <col min="11553" max="11553" width="1.88671875" style="1" customWidth="1"/>
    <col min="11554" max="11554" width="2.109375" style="1" customWidth="1"/>
    <col min="11555" max="11555" width="3.109375" style="1" customWidth="1"/>
    <col min="11556" max="11557" width="3.6640625" style="1" customWidth="1"/>
    <col min="11558" max="11558" width="5.109375" style="1" customWidth="1"/>
    <col min="11559" max="11559" width="8.88671875" style="1" customWidth="1"/>
    <col min="11560" max="11560" width="2.6640625" style="1" customWidth="1"/>
    <col min="11561" max="11563" width="2.109375" style="1" customWidth="1"/>
    <col min="11564" max="11564" width="5.6640625" style="1" customWidth="1"/>
    <col min="11565" max="11565" width="2.109375" style="1" customWidth="1"/>
    <col min="11566" max="11566" width="15.109375" style="1" customWidth="1"/>
    <col min="11567" max="11567" width="1.6640625" style="1" customWidth="1"/>
    <col min="11568" max="11568" width="3.109375" style="1" customWidth="1"/>
    <col min="11569" max="11569" width="3.6640625" style="1" customWidth="1"/>
    <col min="11570" max="11570" width="3.109375" style="1" customWidth="1"/>
    <col min="11571" max="11571" width="2.6640625" style="1" customWidth="1"/>
    <col min="11572" max="11572" width="6.6640625" style="1" customWidth="1"/>
    <col min="11573" max="11573" width="2.6640625" style="1" customWidth="1"/>
    <col min="11574" max="11783" width="9" style="1"/>
    <col min="11784" max="11784" width="11.6640625" style="1" bestFit="1" customWidth="1"/>
    <col min="11785" max="11785" width="6.44140625" style="1" bestFit="1" customWidth="1"/>
    <col min="11786" max="11786" width="2.109375" style="1" customWidth="1"/>
    <col min="11787" max="11787" width="4.6640625" style="1" customWidth="1"/>
    <col min="11788" max="11789" width="2.109375" style="1" customWidth="1"/>
    <col min="11790" max="11790" width="5.6640625" style="1" customWidth="1"/>
    <col min="11791" max="11791" width="3.6640625" style="1" customWidth="1"/>
    <col min="11792" max="11792" width="5.6640625" style="1" customWidth="1"/>
    <col min="11793" max="11793" width="3.6640625" style="1" customWidth="1"/>
    <col min="11794" max="11794" width="3.44140625" style="1" bestFit="1" customWidth="1"/>
    <col min="11795" max="11795" width="3.6640625" style="1" customWidth="1"/>
    <col min="11796" max="11796" width="3.44140625" style="1" bestFit="1" customWidth="1"/>
    <col min="11797" max="11797" width="3.6640625" style="1" customWidth="1"/>
    <col min="11798" max="11798" width="3.44140625" style="1" bestFit="1" customWidth="1"/>
    <col min="11799" max="11799" width="5.109375" style="1" customWidth="1"/>
    <col min="11800" max="11800" width="2.109375" style="1" customWidth="1"/>
    <col min="11801" max="11801" width="3.6640625" style="1" customWidth="1"/>
    <col min="11802" max="11802" width="2.88671875" style="1" customWidth="1"/>
    <col min="11803" max="11803" width="8.6640625" style="1" customWidth="1"/>
    <col min="11804" max="11804" width="2.88671875" style="1" customWidth="1"/>
    <col min="11805" max="11805" width="1.6640625" style="1" customWidth="1"/>
    <col min="11806" max="11806" width="10.33203125" style="1" customWidth="1"/>
    <col min="11807" max="11807" width="5.6640625" style="1" customWidth="1"/>
    <col min="11808" max="11808" width="2.109375" style="1" customWidth="1"/>
    <col min="11809" max="11809" width="1.88671875" style="1" customWidth="1"/>
    <col min="11810" max="11810" width="2.109375" style="1" customWidth="1"/>
    <col min="11811" max="11811" width="3.109375" style="1" customWidth="1"/>
    <col min="11812" max="11813" width="3.6640625" style="1" customWidth="1"/>
    <col min="11814" max="11814" width="5.109375" style="1" customWidth="1"/>
    <col min="11815" max="11815" width="8.88671875" style="1" customWidth="1"/>
    <col min="11816" max="11816" width="2.6640625" style="1" customWidth="1"/>
    <col min="11817" max="11819" width="2.109375" style="1" customWidth="1"/>
    <col min="11820" max="11820" width="5.6640625" style="1" customWidth="1"/>
    <col min="11821" max="11821" width="2.109375" style="1" customWidth="1"/>
    <col min="11822" max="11822" width="15.109375" style="1" customWidth="1"/>
    <col min="11823" max="11823" width="1.6640625" style="1" customWidth="1"/>
    <col min="11824" max="11824" width="3.109375" style="1" customWidth="1"/>
    <col min="11825" max="11825" width="3.6640625" style="1" customWidth="1"/>
    <col min="11826" max="11826" width="3.109375" style="1" customWidth="1"/>
    <col min="11827" max="11827" width="2.6640625" style="1" customWidth="1"/>
    <col min="11828" max="11828" width="6.6640625" style="1" customWidth="1"/>
    <col min="11829" max="11829" width="2.6640625" style="1" customWidth="1"/>
    <col min="11830" max="12039" width="9" style="1"/>
    <col min="12040" max="12040" width="11.6640625" style="1" bestFit="1" customWidth="1"/>
    <col min="12041" max="12041" width="6.44140625" style="1" bestFit="1" customWidth="1"/>
    <col min="12042" max="12042" width="2.109375" style="1" customWidth="1"/>
    <col min="12043" max="12043" width="4.6640625" style="1" customWidth="1"/>
    <col min="12044" max="12045" width="2.109375" style="1" customWidth="1"/>
    <col min="12046" max="12046" width="5.6640625" style="1" customWidth="1"/>
    <col min="12047" max="12047" width="3.6640625" style="1" customWidth="1"/>
    <col min="12048" max="12048" width="5.6640625" style="1" customWidth="1"/>
    <col min="12049" max="12049" width="3.6640625" style="1" customWidth="1"/>
    <col min="12050" max="12050" width="3.44140625" style="1" bestFit="1" customWidth="1"/>
    <col min="12051" max="12051" width="3.6640625" style="1" customWidth="1"/>
    <col min="12052" max="12052" width="3.44140625" style="1" bestFit="1" customWidth="1"/>
    <col min="12053" max="12053" width="3.6640625" style="1" customWidth="1"/>
    <col min="12054" max="12054" width="3.44140625" style="1" bestFit="1" customWidth="1"/>
    <col min="12055" max="12055" width="5.109375" style="1" customWidth="1"/>
    <col min="12056" max="12056" width="2.109375" style="1" customWidth="1"/>
    <col min="12057" max="12057" width="3.6640625" style="1" customWidth="1"/>
    <col min="12058" max="12058" width="2.88671875" style="1" customWidth="1"/>
    <col min="12059" max="12059" width="8.6640625" style="1" customWidth="1"/>
    <col min="12060" max="12060" width="2.88671875" style="1" customWidth="1"/>
    <col min="12061" max="12061" width="1.6640625" style="1" customWidth="1"/>
    <col min="12062" max="12062" width="10.33203125" style="1" customWidth="1"/>
    <col min="12063" max="12063" width="5.6640625" style="1" customWidth="1"/>
    <col min="12064" max="12064" width="2.109375" style="1" customWidth="1"/>
    <col min="12065" max="12065" width="1.88671875" style="1" customWidth="1"/>
    <col min="12066" max="12066" width="2.109375" style="1" customWidth="1"/>
    <col min="12067" max="12067" width="3.109375" style="1" customWidth="1"/>
    <col min="12068" max="12069" width="3.6640625" style="1" customWidth="1"/>
    <col min="12070" max="12070" width="5.109375" style="1" customWidth="1"/>
    <col min="12071" max="12071" width="8.88671875" style="1" customWidth="1"/>
    <col min="12072" max="12072" width="2.6640625" style="1" customWidth="1"/>
    <col min="12073" max="12075" width="2.109375" style="1" customWidth="1"/>
    <col min="12076" max="12076" width="5.6640625" style="1" customWidth="1"/>
    <col min="12077" max="12077" width="2.109375" style="1" customWidth="1"/>
    <col min="12078" max="12078" width="15.109375" style="1" customWidth="1"/>
    <col min="12079" max="12079" width="1.6640625" style="1" customWidth="1"/>
    <col min="12080" max="12080" width="3.109375" style="1" customWidth="1"/>
    <col min="12081" max="12081" width="3.6640625" style="1" customWidth="1"/>
    <col min="12082" max="12082" width="3.109375" style="1" customWidth="1"/>
    <col min="12083" max="12083" width="2.6640625" style="1" customWidth="1"/>
    <col min="12084" max="12084" width="6.6640625" style="1" customWidth="1"/>
    <col min="12085" max="12085" width="2.6640625" style="1" customWidth="1"/>
    <col min="12086" max="12295" width="9" style="1"/>
    <col min="12296" max="12296" width="11.6640625" style="1" bestFit="1" customWidth="1"/>
    <col min="12297" max="12297" width="6.44140625" style="1" bestFit="1" customWidth="1"/>
    <col min="12298" max="12298" width="2.109375" style="1" customWidth="1"/>
    <col min="12299" max="12299" width="4.6640625" style="1" customWidth="1"/>
    <col min="12300" max="12301" width="2.109375" style="1" customWidth="1"/>
    <col min="12302" max="12302" width="5.6640625" style="1" customWidth="1"/>
    <col min="12303" max="12303" width="3.6640625" style="1" customWidth="1"/>
    <col min="12304" max="12304" width="5.6640625" style="1" customWidth="1"/>
    <col min="12305" max="12305" width="3.6640625" style="1" customWidth="1"/>
    <col min="12306" max="12306" width="3.44140625" style="1" bestFit="1" customWidth="1"/>
    <col min="12307" max="12307" width="3.6640625" style="1" customWidth="1"/>
    <col min="12308" max="12308" width="3.44140625" style="1" bestFit="1" customWidth="1"/>
    <col min="12309" max="12309" width="3.6640625" style="1" customWidth="1"/>
    <col min="12310" max="12310" width="3.44140625" style="1" bestFit="1" customWidth="1"/>
    <col min="12311" max="12311" width="5.109375" style="1" customWidth="1"/>
    <col min="12312" max="12312" width="2.109375" style="1" customWidth="1"/>
    <col min="12313" max="12313" width="3.6640625" style="1" customWidth="1"/>
    <col min="12314" max="12314" width="2.88671875" style="1" customWidth="1"/>
    <col min="12315" max="12315" width="8.6640625" style="1" customWidth="1"/>
    <col min="12316" max="12316" width="2.88671875" style="1" customWidth="1"/>
    <col min="12317" max="12317" width="1.6640625" style="1" customWidth="1"/>
    <col min="12318" max="12318" width="10.33203125" style="1" customWidth="1"/>
    <col min="12319" max="12319" width="5.6640625" style="1" customWidth="1"/>
    <col min="12320" max="12320" width="2.109375" style="1" customWidth="1"/>
    <col min="12321" max="12321" width="1.88671875" style="1" customWidth="1"/>
    <col min="12322" max="12322" width="2.109375" style="1" customWidth="1"/>
    <col min="12323" max="12323" width="3.109375" style="1" customWidth="1"/>
    <col min="12324" max="12325" width="3.6640625" style="1" customWidth="1"/>
    <col min="12326" max="12326" width="5.109375" style="1" customWidth="1"/>
    <col min="12327" max="12327" width="8.88671875" style="1" customWidth="1"/>
    <col min="12328" max="12328" width="2.6640625" style="1" customWidth="1"/>
    <col min="12329" max="12331" width="2.109375" style="1" customWidth="1"/>
    <col min="12332" max="12332" width="5.6640625" style="1" customWidth="1"/>
    <col min="12333" max="12333" width="2.109375" style="1" customWidth="1"/>
    <col min="12334" max="12334" width="15.109375" style="1" customWidth="1"/>
    <col min="12335" max="12335" width="1.6640625" style="1" customWidth="1"/>
    <col min="12336" max="12336" width="3.109375" style="1" customWidth="1"/>
    <col min="12337" max="12337" width="3.6640625" style="1" customWidth="1"/>
    <col min="12338" max="12338" width="3.109375" style="1" customWidth="1"/>
    <col min="12339" max="12339" width="2.6640625" style="1" customWidth="1"/>
    <col min="12340" max="12340" width="6.6640625" style="1" customWidth="1"/>
    <col min="12341" max="12341" width="2.6640625" style="1" customWidth="1"/>
    <col min="12342" max="12551" width="9" style="1"/>
    <col min="12552" max="12552" width="11.6640625" style="1" bestFit="1" customWidth="1"/>
    <col min="12553" max="12553" width="6.44140625" style="1" bestFit="1" customWidth="1"/>
    <col min="12554" max="12554" width="2.109375" style="1" customWidth="1"/>
    <col min="12555" max="12555" width="4.6640625" style="1" customWidth="1"/>
    <col min="12556" max="12557" width="2.109375" style="1" customWidth="1"/>
    <col min="12558" max="12558" width="5.6640625" style="1" customWidth="1"/>
    <col min="12559" max="12559" width="3.6640625" style="1" customWidth="1"/>
    <col min="12560" max="12560" width="5.6640625" style="1" customWidth="1"/>
    <col min="12561" max="12561" width="3.6640625" style="1" customWidth="1"/>
    <col min="12562" max="12562" width="3.44140625" style="1" bestFit="1" customWidth="1"/>
    <col min="12563" max="12563" width="3.6640625" style="1" customWidth="1"/>
    <col min="12564" max="12564" width="3.44140625" style="1" bestFit="1" customWidth="1"/>
    <col min="12565" max="12565" width="3.6640625" style="1" customWidth="1"/>
    <col min="12566" max="12566" width="3.44140625" style="1" bestFit="1" customWidth="1"/>
    <col min="12567" max="12567" width="5.109375" style="1" customWidth="1"/>
    <col min="12568" max="12568" width="2.109375" style="1" customWidth="1"/>
    <col min="12569" max="12569" width="3.6640625" style="1" customWidth="1"/>
    <col min="12570" max="12570" width="2.88671875" style="1" customWidth="1"/>
    <col min="12571" max="12571" width="8.6640625" style="1" customWidth="1"/>
    <col min="12572" max="12572" width="2.88671875" style="1" customWidth="1"/>
    <col min="12573" max="12573" width="1.6640625" style="1" customWidth="1"/>
    <col min="12574" max="12574" width="10.33203125" style="1" customWidth="1"/>
    <col min="12575" max="12575" width="5.6640625" style="1" customWidth="1"/>
    <col min="12576" max="12576" width="2.109375" style="1" customWidth="1"/>
    <col min="12577" max="12577" width="1.88671875" style="1" customWidth="1"/>
    <col min="12578" max="12578" width="2.109375" style="1" customWidth="1"/>
    <col min="12579" max="12579" width="3.109375" style="1" customWidth="1"/>
    <col min="12580" max="12581" width="3.6640625" style="1" customWidth="1"/>
    <col min="12582" max="12582" width="5.109375" style="1" customWidth="1"/>
    <col min="12583" max="12583" width="8.88671875" style="1" customWidth="1"/>
    <col min="12584" max="12584" width="2.6640625" style="1" customWidth="1"/>
    <col min="12585" max="12587" width="2.109375" style="1" customWidth="1"/>
    <col min="12588" max="12588" width="5.6640625" style="1" customWidth="1"/>
    <col min="12589" max="12589" width="2.109375" style="1" customWidth="1"/>
    <col min="12590" max="12590" width="15.109375" style="1" customWidth="1"/>
    <col min="12591" max="12591" width="1.6640625" style="1" customWidth="1"/>
    <col min="12592" max="12592" width="3.109375" style="1" customWidth="1"/>
    <col min="12593" max="12593" width="3.6640625" style="1" customWidth="1"/>
    <col min="12594" max="12594" width="3.109375" style="1" customWidth="1"/>
    <col min="12595" max="12595" width="2.6640625" style="1" customWidth="1"/>
    <col min="12596" max="12596" width="6.6640625" style="1" customWidth="1"/>
    <col min="12597" max="12597" width="2.6640625" style="1" customWidth="1"/>
    <col min="12598" max="12807" width="9" style="1"/>
    <col min="12808" max="12808" width="11.6640625" style="1" bestFit="1" customWidth="1"/>
    <col min="12809" max="12809" width="6.44140625" style="1" bestFit="1" customWidth="1"/>
    <col min="12810" max="12810" width="2.109375" style="1" customWidth="1"/>
    <col min="12811" max="12811" width="4.6640625" style="1" customWidth="1"/>
    <col min="12812" max="12813" width="2.109375" style="1" customWidth="1"/>
    <col min="12814" max="12814" width="5.6640625" style="1" customWidth="1"/>
    <col min="12815" max="12815" width="3.6640625" style="1" customWidth="1"/>
    <col min="12816" max="12816" width="5.6640625" style="1" customWidth="1"/>
    <col min="12817" max="12817" width="3.6640625" style="1" customWidth="1"/>
    <col min="12818" max="12818" width="3.44140625" style="1" bestFit="1" customWidth="1"/>
    <col min="12819" max="12819" width="3.6640625" style="1" customWidth="1"/>
    <col min="12820" max="12820" width="3.44140625" style="1" bestFit="1" customWidth="1"/>
    <col min="12821" max="12821" width="3.6640625" style="1" customWidth="1"/>
    <col min="12822" max="12822" width="3.44140625" style="1" bestFit="1" customWidth="1"/>
    <col min="12823" max="12823" width="5.109375" style="1" customWidth="1"/>
    <col min="12824" max="12824" width="2.109375" style="1" customWidth="1"/>
    <col min="12825" max="12825" width="3.6640625" style="1" customWidth="1"/>
    <col min="12826" max="12826" width="2.88671875" style="1" customWidth="1"/>
    <col min="12827" max="12827" width="8.6640625" style="1" customWidth="1"/>
    <col min="12828" max="12828" width="2.88671875" style="1" customWidth="1"/>
    <col min="12829" max="12829" width="1.6640625" style="1" customWidth="1"/>
    <col min="12830" max="12830" width="10.33203125" style="1" customWidth="1"/>
    <col min="12831" max="12831" width="5.6640625" style="1" customWidth="1"/>
    <col min="12832" max="12832" width="2.109375" style="1" customWidth="1"/>
    <col min="12833" max="12833" width="1.88671875" style="1" customWidth="1"/>
    <col min="12834" max="12834" width="2.109375" style="1" customWidth="1"/>
    <col min="12835" max="12835" width="3.109375" style="1" customWidth="1"/>
    <col min="12836" max="12837" width="3.6640625" style="1" customWidth="1"/>
    <col min="12838" max="12838" width="5.109375" style="1" customWidth="1"/>
    <col min="12839" max="12839" width="8.88671875" style="1" customWidth="1"/>
    <col min="12840" max="12840" width="2.6640625" style="1" customWidth="1"/>
    <col min="12841" max="12843" width="2.109375" style="1" customWidth="1"/>
    <col min="12844" max="12844" width="5.6640625" style="1" customWidth="1"/>
    <col min="12845" max="12845" width="2.109375" style="1" customWidth="1"/>
    <col min="12846" max="12846" width="15.109375" style="1" customWidth="1"/>
    <col min="12847" max="12847" width="1.6640625" style="1" customWidth="1"/>
    <col min="12848" max="12848" width="3.109375" style="1" customWidth="1"/>
    <col min="12849" max="12849" width="3.6640625" style="1" customWidth="1"/>
    <col min="12850" max="12850" width="3.109375" style="1" customWidth="1"/>
    <col min="12851" max="12851" width="2.6640625" style="1" customWidth="1"/>
    <col min="12852" max="12852" width="6.6640625" style="1" customWidth="1"/>
    <col min="12853" max="12853" width="2.6640625" style="1" customWidth="1"/>
    <col min="12854" max="13063" width="9" style="1"/>
    <col min="13064" max="13064" width="11.6640625" style="1" bestFit="1" customWidth="1"/>
    <col min="13065" max="13065" width="6.44140625" style="1" bestFit="1" customWidth="1"/>
    <col min="13066" max="13066" width="2.109375" style="1" customWidth="1"/>
    <col min="13067" max="13067" width="4.6640625" style="1" customWidth="1"/>
    <col min="13068" max="13069" width="2.109375" style="1" customWidth="1"/>
    <col min="13070" max="13070" width="5.6640625" style="1" customWidth="1"/>
    <col min="13071" max="13071" width="3.6640625" style="1" customWidth="1"/>
    <col min="13072" max="13072" width="5.6640625" style="1" customWidth="1"/>
    <col min="13073" max="13073" width="3.6640625" style="1" customWidth="1"/>
    <col min="13074" max="13074" width="3.44140625" style="1" bestFit="1" customWidth="1"/>
    <col min="13075" max="13075" width="3.6640625" style="1" customWidth="1"/>
    <col min="13076" max="13076" width="3.44140625" style="1" bestFit="1" customWidth="1"/>
    <col min="13077" max="13077" width="3.6640625" style="1" customWidth="1"/>
    <col min="13078" max="13078" width="3.44140625" style="1" bestFit="1" customWidth="1"/>
    <col min="13079" max="13079" width="5.109375" style="1" customWidth="1"/>
    <col min="13080" max="13080" width="2.109375" style="1" customWidth="1"/>
    <col min="13081" max="13081" width="3.6640625" style="1" customWidth="1"/>
    <col min="13082" max="13082" width="2.88671875" style="1" customWidth="1"/>
    <col min="13083" max="13083" width="8.6640625" style="1" customWidth="1"/>
    <col min="13084" max="13084" width="2.88671875" style="1" customWidth="1"/>
    <col min="13085" max="13085" width="1.6640625" style="1" customWidth="1"/>
    <col min="13086" max="13086" width="10.33203125" style="1" customWidth="1"/>
    <col min="13087" max="13087" width="5.6640625" style="1" customWidth="1"/>
    <col min="13088" max="13088" width="2.109375" style="1" customWidth="1"/>
    <col min="13089" max="13089" width="1.88671875" style="1" customWidth="1"/>
    <col min="13090" max="13090" width="2.109375" style="1" customWidth="1"/>
    <col min="13091" max="13091" width="3.109375" style="1" customWidth="1"/>
    <col min="13092" max="13093" width="3.6640625" style="1" customWidth="1"/>
    <col min="13094" max="13094" width="5.109375" style="1" customWidth="1"/>
    <col min="13095" max="13095" width="8.88671875" style="1" customWidth="1"/>
    <col min="13096" max="13096" width="2.6640625" style="1" customWidth="1"/>
    <col min="13097" max="13099" width="2.109375" style="1" customWidth="1"/>
    <col min="13100" max="13100" width="5.6640625" style="1" customWidth="1"/>
    <col min="13101" max="13101" width="2.109375" style="1" customWidth="1"/>
    <col min="13102" max="13102" width="15.109375" style="1" customWidth="1"/>
    <col min="13103" max="13103" width="1.6640625" style="1" customWidth="1"/>
    <col min="13104" max="13104" width="3.109375" style="1" customWidth="1"/>
    <col min="13105" max="13105" width="3.6640625" style="1" customWidth="1"/>
    <col min="13106" max="13106" width="3.109375" style="1" customWidth="1"/>
    <col min="13107" max="13107" width="2.6640625" style="1" customWidth="1"/>
    <col min="13108" max="13108" width="6.6640625" style="1" customWidth="1"/>
    <col min="13109" max="13109" width="2.6640625" style="1" customWidth="1"/>
    <col min="13110" max="13319" width="9" style="1"/>
    <col min="13320" max="13320" width="11.6640625" style="1" bestFit="1" customWidth="1"/>
    <col min="13321" max="13321" width="6.44140625" style="1" bestFit="1" customWidth="1"/>
    <col min="13322" max="13322" width="2.109375" style="1" customWidth="1"/>
    <col min="13323" max="13323" width="4.6640625" style="1" customWidth="1"/>
    <col min="13324" max="13325" width="2.109375" style="1" customWidth="1"/>
    <col min="13326" max="13326" width="5.6640625" style="1" customWidth="1"/>
    <col min="13327" max="13327" width="3.6640625" style="1" customWidth="1"/>
    <col min="13328" max="13328" width="5.6640625" style="1" customWidth="1"/>
    <col min="13329" max="13329" width="3.6640625" style="1" customWidth="1"/>
    <col min="13330" max="13330" width="3.44140625" style="1" bestFit="1" customWidth="1"/>
    <col min="13331" max="13331" width="3.6640625" style="1" customWidth="1"/>
    <col min="13332" max="13332" width="3.44140625" style="1" bestFit="1" customWidth="1"/>
    <col min="13333" max="13333" width="3.6640625" style="1" customWidth="1"/>
    <col min="13334" max="13334" width="3.44140625" style="1" bestFit="1" customWidth="1"/>
    <col min="13335" max="13335" width="5.109375" style="1" customWidth="1"/>
    <col min="13336" max="13336" width="2.109375" style="1" customWidth="1"/>
    <col min="13337" max="13337" width="3.6640625" style="1" customWidth="1"/>
    <col min="13338" max="13338" width="2.88671875" style="1" customWidth="1"/>
    <col min="13339" max="13339" width="8.6640625" style="1" customWidth="1"/>
    <col min="13340" max="13340" width="2.88671875" style="1" customWidth="1"/>
    <col min="13341" max="13341" width="1.6640625" style="1" customWidth="1"/>
    <col min="13342" max="13342" width="10.33203125" style="1" customWidth="1"/>
    <col min="13343" max="13343" width="5.6640625" style="1" customWidth="1"/>
    <col min="13344" max="13344" width="2.109375" style="1" customWidth="1"/>
    <col min="13345" max="13345" width="1.88671875" style="1" customWidth="1"/>
    <col min="13346" max="13346" width="2.109375" style="1" customWidth="1"/>
    <col min="13347" max="13347" width="3.109375" style="1" customWidth="1"/>
    <col min="13348" max="13349" width="3.6640625" style="1" customWidth="1"/>
    <col min="13350" max="13350" width="5.109375" style="1" customWidth="1"/>
    <col min="13351" max="13351" width="8.88671875" style="1" customWidth="1"/>
    <col min="13352" max="13352" width="2.6640625" style="1" customWidth="1"/>
    <col min="13353" max="13355" width="2.109375" style="1" customWidth="1"/>
    <col min="13356" max="13356" width="5.6640625" style="1" customWidth="1"/>
    <col min="13357" max="13357" width="2.109375" style="1" customWidth="1"/>
    <col min="13358" max="13358" width="15.109375" style="1" customWidth="1"/>
    <col min="13359" max="13359" width="1.6640625" style="1" customWidth="1"/>
    <col min="13360" max="13360" width="3.109375" style="1" customWidth="1"/>
    <col min="13361" max="13361" width="3.6640625" style="1" customWidth="1"/>
    <col min="13362" max="13362" width="3.109375" style="1" customWidth="1"/>
    <col min="13363" max="13363" width="2.6640625" style="1" customWidth="1"/>
    <col min="13364" max="13364" width="6.6640625" style="1" customWidth="1"/>
    <col min="13365" max="13365" width="2.6640625" style="1" customWidth="1"/>
    <col min="13366" max="13575" width="9" style="1"/>
    <col min="13576" max="13576" width="11.6640625" style="1" bestFit="1" customWidth="1"/>
    <col min="13577" max="13577" width="6.44140625" style="1" bestFit="1" customWidth="1"/>
    <col min="13578" max="13578" width="2.109375" style="1" customWidth="1"/>
    <col min="13579" max="13579" width="4.6640625" style="1" customWidth="1"/>
    <col min="13580" max="13581" width="2.109375" style="1" customWidth="1"/>
    <col min="13582" max="13582" width="5.6640625" style="1" customWidth="1"/>
    <col min="13583" max="13583" width="3.6640625" style="1" customWidth="1"/>
    <col min="13584" max="13584" width="5.6640625" style="1" customWidth="1"/>
    <col min="13585" max="13585" width="3.6640625" style="1" customWidth="1"/>
    <col min="13586" max="13586" width="3.44140625" style="1" bestFit="1" customWidth="1"/>
    <col min="13587" max="13587" width="3.6640625" style="1" customWidth="1"/>
    <col min="13588" max="13588" width="3.44140625" style="1" bestFit="1" customWidth="1"/>
    <col min="13589" max="13589" width="3.6640625" style="1" customWidth="1"/>
    <col min="13590" max="13590" width="3.44140625" style="1" bestFit="1" customWidth="1"/>
    <col min="13591" max="13591" width="5.109375" style="1" customWidth="1"/>
    <col min="13592" max="13592" width="2.109375" style="1" customWidth="1"/>
    <col min="13593" max="13593" width="3.6640625" style="1" customWidth="1"/>
    <col min="13594" max="13594" width="2.88671875" style="1" customWidth="1"/>
    <col min="13595" max="13595" width="8.6640625" style="1" customWidth="1"/>
    <col min="13596" max="13596" width="2.88671875" style="1" customWidth="1"/>
    <col min="13597" max="13597" width="1.6640625" style="1" customWidth="1"/>
    <col min="13598" max="13598" width="10.33203125" style="1" customWidth="1"/>
    <col min="13599" max="13599" width="5.6640625" style="1" customWidth="1"/>
    <col min="13600" max="13600" width="2.109375" style="1" customWidth="1"/>
    <col min="13601" max="13601" width="1.88671875" style="1" customWidth="1"/>
    <col min="13602" max="13602" width="2.109375" style="1" customWidth="1"/>
    <col min="13603" max="13603" width="3.109375" style="1" customWidth="1"/>
    <col min="13604" max="13605" width="3.6640625" style="1" customWidth="1"/>
    <col min="13606" max="13606" width="5.109375" style="1" customWidth="1"/>
    <col min="13607" max="13607" width="8.88671875" style="1" customWidth="1"/>
    <col min="13608" max="13608" width="2.6640625" style="1" customWidth="1"/>
    <col min="13609" max="13611" width="2.109375" style="1" customWidth="1"/>
    <col min="13612" max="13612" width="5.6640625" style="1" customWidth="1"/>
    <col min="13613" max="13613" width="2.109375" style="1" customWidth="1"/>
    <col min="13614" max="13614" width="15.109375" style="1" customWidth="1"/>
    <col min="13615" max="13615" width="1.6640625" style="1" customWidth="1"/>
    <col min="13616" max="13616" width="3.109375" style="1" customWidth="1"/>
    <col min="13617" max="13617" width="3.6640625" style="1" customWidth="1"/>
    <col min="13618" max="13618" width="3.109375" style="1" customWidth="1"/>
    <col min="13619" max="13619" width="2.6640625" style="1" customWidth="1"/>
    <col min="13620" max="13620" width="6.6640625" style="1" customWidth="1"/>
    <col min="13621" max="13621" width="2.6640625" style="1" customWidth="1"/>
    <col min="13622" max="13831" width="9" style="1"/>
    <col min="13832" max="13832" width="11.6640625" style="1" bestFit="1" customWidth="1"/>
    <col min="13833" max="13833" width="6.44140625" style="1" bestFit="1" customWidth="1"/>
    <col min="13834" max="13834" width="2.109375" style="1" customWidth="1"/>
    <col min="13835" max="13835" width="4.6640625" style="1" customWidth="1"/>
    <col min="13836" max="13837" width="2.109375" style="1" customWidth="1"/>
    <col min="13838" max="13838" width="5.6640625" style="1" customWidth="1"/>
    <col min="13839" max="13839" width="3.6640625" style="1" customWidth="1"/>
    <col min="13840" max="13840" width="5.6640625" style="1" customWidth="1"/>
    <col min="13841" max="13841" width="3.6640625" style="1" customWidth="1"/>
    <col min="13842" max="13842" width="3.44140625" style="1" bestFit="1" customWidth="1"/>
    <col min="13843" max="13843" width="3.6640625" style="1" customWidth="1"/>
    <col min="13844" max="13844" width="3.44140625" style="1" bestFit="1" customWidth="1"/>
    <col min="13845" max="13845" width="3.6640625" style="1" customWidth="1"/>
    <col min="13846" max="13846" width="3.44140625" style="1" bestFit="1" customWidth="1"/>
    <col min="13847" max="13847" width="5.109375" style="1" customWidth="1"/>
    <col min="13848" max="13848" width="2.109375" style="1" customWidth="1"/>
    <col min="13849" max="13849" width="3.6640625" style="1" customWidth="1"/>
    <col min="13850" max="13850" width="2.88671875" style="1" customWidth="1"/>
    <col min="13851" max="13851" width="8.6640625" style="1" customWidth="1"/>
    <col min="13852" max="13852" width="2.88671875" style="1" customWidth="1"/>
    <col min="13853" max="13853" width="1.6640625" style="1" customWidth="1"/>
    <col min="13854" max="13854" width="10.33203125" style="1" customWidth="1"/>
    <col min="13855" max="13855" width="5.6640625" style="1" customWidth="1"/>
    <col min="13856" max="13856" width="2.109375" style="1" customWidth="1"/>
    <col min="13857" max="13857" width="1.88671875" style="1" customWidth="1"/>
    <col min="13858" max="13858" width="2.109375" style="1" customWidth="1"/>
    <col min="13859" max="13859" width="3.109375" style="1" customWidth="1"/>
    <col min="13860" max="13861" width="3.6640625" style="1" customWidth="1"/>
    <col min="13862" max="13862" width="5.109375" style="1" customWidth="1"/>
    <col min="13863" max="13863" width="8.88671875" style="1" customWidth="1"/>
    <col min="13864" max="13864" width="2.6640625" style="1" customWidth="1"/>
    <col min="13865" max="13867" width="2.109375" style="1" customWidth="1"/>
    <col min="13868" max="13868" width="5.6640625" style="1" customWidth="1"/>
    <col min="13869" max="13869" width="2.109375" style="1" customWidth="1"/>
    <col min="13870" max="13870" width="15.109375" style="1" customWidth="1"/>
    <col min="13871" max="13871" width="1.6640625" style="1" customWidth="1"/>
    <col min="13872" max="13872" width="3.109375" style="1" customWidth="1"/>
    <col min="13873" max="13873" width="3.6640625" style="1" customWidth="1"/>
    <col min="13874" max="13874" width="3.109375" style="1" customWidth="1"/>
    <col min="13875" max="13875" width="2.6640625" style="1" customWidth="1"/>
    <col min="13876" max="13876" width="6.6640625" style="1" customWidth="1"/>
    <col min="13877" max="13877" width="2.6640625" style="1" customWidth="1"/>
    <col min="13878" max="14087" width="9" style="1"/>
    <col min="14088" max="14088" width="11.6640625" style="1" bestFit="1" customWidth="1"/>
    <col min="14089" max="14089" width="6.44140625" style="1" bestFit="1" customWidth="1"/>
    <col min="14090" max="14090" width="2.109375" style="1" customWidth="1"/>
    <col min="14091" max="14091" width="4.6640625" style="1" customWidth="1"/>
    <col min="14092" max="14093" width="2.109375" style="1" customWidth="1"/>
    <col min="14094" max="14094" width="5.6640625" style="1" customWidth="1"/>
    <col min="14095" max="14095" width="3.6640625" style="1" customWidth="1"/>
    <col min="14096" max="14096" width="5.6640625" style="1" customWidth="1"/>
    <col min="14097" max="14097" width="3.6640625" style="1" customWidth="1"/>
    <col min="14098" max="14098" width="3.44140625" style="1" bestFit="1" customWidth="1"/>
    <col min="14099" max="14099" width="3.6640625" style="1" customWidth="1"/>
    <col min="14100" max="14100" width="3.44140625" style="1" bestFit="1" customWidth="1"/>
    <col min="14101" max="14101" width="3.6640625" style="1" customWidth="1"/>
    <col min="14102" max="14102" width="3.44140625" style="1" bestFit="1" customWidth="1"/>
    <col min="14103" max="14103" width="5.109375" style="1" customWidth="1"/>
    <col min="14104" max="14104" width="2.109375" style="1" customWidth="1"/>
    <col min="14105" max="14105" width="3.6640625" style="1" customWidth="1"/>
    <col min="14106" max="14106" width="2.88671875" style="1" customWidth="1"/>
    <col min="14107" max="14107" width="8.6640625" style="1" customWidth="1"/>
    <col min="14108" max="14108" width="2.88671875" style="1" customWidth="1"/>
    <col min="14109" max="14109" width="1.6640625" style="1" customWidth="1"/>
    <col min="14110" max="14110" width="10.33203125" style="1" customWidth="1"/>
    <col min="14111" max="14111" width="5.6640625" style="1" customWidth="1"/>
    <col min="14112" max="14112" width="2.109375" style="1" customWidth="1"/>
    <col min="14113" max="14113" width="1.88671875" style="1" customWidth="1"/>
    <col min="14114" max="14114" width="2.109375" style="1" customWidth="1"/>
    <col min="14115" max="14115" width="3.109375" style="1" customWidth="1"/>
    <col min="14116" max="14117" width="3.6640625" style="1" customWidth="1"/>
    <col min="14118" max="14118" width="5.109375" style="1" customWidth="1"/>
    <col min="14119" max="14119" width="8.88671875" style="1" customWidth="1"/>
    <col min="14120" max="14120" width="2.6640625" style="1" customWidth="1"/>
    <col min="14121" max="14123" width="2.109375" style="1" customWidth="1"/>
    <col min="14124" max="14124" width="5.6640625" style="1" customWidth="1"/>
    <col min="14125" max="14125" width="2.109375" style="1" customWidth="1"/>
    <col min="14126" max="14126" width="15.109375" style="1" customWidth="1"/>
    <col min="14127" max="14127" width="1.6640625" style="1" customWidth="1"/>
    <col min="14128" max="14128" width="3.109375" style="1" customWidth="1"/>
    <col min="14129" max="14129" width="3.6640625" style="1" customWidth="1"/>
    <col min="14130" max="14130" width="3.109375" style="1" customWidth="1"/>
    <col min="14131" max="14131" width="2.6640625" style="1" customWidth="1"/>
    <col min="14132" max="14132" width="6.6640625" style="1" customWidth="1"/>
    <col min="14133" max="14133" width="2.6640625" style="1" customWidth="1"/>
    <col min="14134" max="14343" width="9" style="1"/>
    <col min="14344" max="14344" width="11.6640625" style="1" bestFit="1" customWidth="1"/>
    <col min="14345" max="14345" width="6.44140625" style="1" bestFit="1" customWidth="1"/>
    <col min="14346" max="14346" width="2.109375" style="1" customWidth="1"/>
    <col min="14347" max="14347" width="4.6640625" style="1" customWidth="1"/>
    <col min="14348" max="14349" width="2.109375" style="1" customWidth="1"/>
    <col min="14350" max="14350" width="5.6640625" style="1" customWidth="1"/>
    <col min="14351" max="14351" width="3.6640625" style="1" customWidth="1"/>
    <col min="14352" max="14352" width="5.6640625" style="1" customWidth="1"/>
    <col min="14353" max="14353" width="3.6640625" style="1" customWidth="1"/>
    <col min="14354" max="14354" width="3.44140625" style="1" bestFit="1" customWidth="1"/>
    <col min="14355" max="14355" width="3.6640625" style="1" customWidth="1"/>
    <col min="14356" max="14356" width="3.44140625" style="1" bestFit="1" customWidth="1"/>
    <col min="14357" max="14357" width="3.6640625" style="1" customWidth="1"/>
    <col min="14358" max="14358" width="3.44140625" style="1" bestFit="1" customWidth="1"/>
    <col min="14359" max="14359" width="5.109375" style="1" customWidth="1"/>
    <col min="14360" max="14360" width="2.109375" style="1" customWidth="1"/>
    <col min="14361" max="14361" width="3.6640625" style="1" customWidth="1"/>
    <col min="14362" max="14362" width="2.88671875" style="1" customWidth="1"/>
    <col min="14363" max="14363" width="8.6640625" style="1" customWidth="1"/>
    <col min="14364" max="14364" width="2.88671875" style="1" customWidth="1"/>
    <col min="14365" max="14365" width="1.6640625" style="1" customWidth="1"/>
    <col min="14366" max="14366" width="10.33203125" style="1" customWidth="1"/>
    <col min="14367" max="14367" width="5.6640625" style="1" customWidth="1"/>
    <col min="14368" max="14368" width="2.109375" style="1" customWidth="1"/>
    <col min="14369" max="14369" width="1.88671875" style="1" customWidth="1"/>
    <col min="14370" max="14370" width="2.109375" style="1" customWidth="1"/>
    <col min="14371" max="14371" width="3.109375" style="1" customWidth="1"/>
    <col min="14372" max="14373" width="3.6640625" style="1" customWidth="1"/>
    <col min="14374" max="14374" width="5.109375" style="1" customWidth="1"/>
    <col min="14375" max="14375" width="8.88671875" style="1" customWidth="1"/>
    <col min="14376" max="14376" width="2.6640625" style="1" customWidth="1"/>
    <col min="14377" max="14379" width="2.109375" style="1" customWidth="1"/>
    <col min="14380" max="14380" width="5.6640625" style="1" customWidth="1"/>
    <col min="14381" max="14381" width="2.109375" style="1" customWidth="1"/>
    <col min="14382" max="14382" width="15.109375" style="1" customWidth="1"/>
    <col min="14383" max="14383" width="1.6640625" style="1" customWidth="1"/>
    <col min="14384" max="14384" width="3.109375" style="1" customWidth="1"/>
    <col min="14385" max="14385" width="3.6640625" style="1" customWidth="1"/>
    <col min="14386" max="14386" width="3.109375" style="1" customWidth="1"/>
    <col min="14387" max="14387" width="2.6640625" style="1" customWidth="1"/>
    <col min="14388" max="14388" width="6.6640625" style="1" customWidth="1"/>
    <col min="14389" max="14389" width="2.6640625" style="1" customWidth="1"/>
    <col min="14390" max="14599" width="9" style="1"/>
    <col min="14600" max="14600" width="11.6640625" style="1" bestFit="1" customWidth="1"/>
    <col min="14601" max="14601" width="6.44140625" style="1" bestFit="1" customWidth="1"/>
    <col min="14602" max="14602" width="2.109375" style="1" customWidth="1"/>
    <col min="14603" max="14603" width="4.6640625" style="1" customWidth="1"/>
    <col min="14604" max="14605" width="2.109375" style="1" customWidth="1"/>
    <col min="14606" max="14606" width="5.6640625" style="1" customWidth="1"/>
    <col min="14607" max="14607" width="3.6640625" style="1" customWidth="1"/>
    <col min="14608" max="14608" width="5.6640625" style="1" customWidth="1"/>
    <col min="14609" max="14609" width="3.6640625" style="1" customWidth="1"/>
    <col min="14610" max="14610" width="3.44140625" style="1" bestFit="1" customWidth="1"/>
    <col min="14611" max="14611" width="3.6640625" style="1" customWidth="1"/>
    <col min="14612" max="14612" width="3.44140625" style="1" bestFit="1" customWidth="1"/>
    <col min="14613" max="14613" width="3.6640625" style="1" customWidth="1"/>
    <col min="14614" max="14614" width="3.44140625" style="1" bestFit="1" customWidth="1"/>
    <col min="14615" max="14615" width="5.109375" style="1" customWidth="1"/>
    <col min="14616" max="14616" width="2.109375" style="1" customWidth="1"/>
    <col min="14617" max="14617" width="3.6640625" style="1" customWidth="1"/>
    <col min="14618" max="14618" width="2.88671875" style="1" customWidth="1"/>
    <col min="14619" max="14619" width="8.6640625" style="1" customWidth="1"/>
    <col min="14620" max="14620" width="2.88671875" style="1" customWidth="1"/>
    <col min="14621" max="14621" width="1.6640625" style="1" customWidth="1"/>
    <col min="14622" max="14622" width="10.33203125" style="1" customWidth="1"/>
    <col min="14623" max="14623" width="5.6640625" style="1" customWidth="1"/>
    <col min="14624" max="14624" width="2.109375" style="1" customWidth="1"/>
    <col min="14625" max="14625" width="1.88671875" style="1" customWidth="1"/>
    <col min="14626" max="14626" width="2.109375" style="1" customWidth="1"/>
    <col min="14627" max="14627" width="3.109375" style="1" customWidth="1"/>
    <col min="14628" max="14629" width="3.6640625" style="1" customWidth="1"/>
    <col min="14630" max="14630" width="5.109375" style="1" customWidth="1"/>
    <col min="14631" max="14631" width="8.88671875" style="1" customWidth="1"/>
    <col min="14632" max="14632" width="2.6640625" style="1" customWidth="1"/>
    <col min="14633" max="14635" width="2.109375" style="1" customWidth="1"/>
    <col min="14636" max="14636" width="5.6640625" style="1" customWidth="1"/>
    <col min="14637" max="14637" width="2.109375" style="1" customWidth="1"/>
    <col min="14638" max="14638" width="15.109375" style="1" customWidth="1"/>
    <col min="14639" max="14639" width="1.6640625" style="1" customWidth="1"/>
    <col min="14640" max="14640" width="3.109375" style="1" customWidth="1"/>
    <col min="14641" max="14641" width="3.6640625" style="1" customWidth="1"/>
    <col min="14642" max="14642" width="3.109375" style="1" customWidth="1"/>
    <col min="14643" max="14643" width="2.6640625" style="1" customWidth="1"/>
    <col min="14644" max="14644" width="6.6640625" style="1" customWidth="1"/>
    <col min="14645" max="14645" width="2.6640625" style="1" customWidth="1"/>
    <col min="14646" max="14855" width="9" style="1"/>
    <col min="14856" max="14856" width="11.6640625" style="1" bestFit="1" customWidth="1"/>
    <col min="14857" max="14857" width="6.44140625" style="1" bestFit="1" customWidth="1"/>
    <col min="14858" max="14858" width="2.109375" style="1" customWidth="1"/>
    <col min="14859" max="14859" width="4.6640625" style="1" customWidth="1"/>
    <col min="14860" max="14861" width="2.109375" style="1" customWidth="1"/>
    <col min="14862" max="14862" width="5.6640625" style="1" customWidth="1"/>
    <col min="14863" max="14863" width="3.6640625" style="1" customWidth="1"/>
    <col min="14864" max="14864" width="5.6640625" style="1" customWidth="1"/>
    <col min="14865" max="14865" width="3.6640625" style="1" customWidth="1"/>
    <col min="14866" max="14866" width="3.44140625" style="1" bestFit="1" customWidth="1"/>
    <col min="14867" max="14867" width="3.6640625" style="1" customWidth="1"/>
    <col min="14868" max="14868" width="3.44140625" style="1" bestFit="1" customWidth="1"/>
    <col min="14869" max="14869" width="3.6640625" style="1" customWidth="1"/>
    <col min="14870" max="14870" width="3.44140625" style="1" bestFit="1" customWidth="1"/>
    <col min="14871" max="14871" width="5.109375" style="1" customWidth="1"/>
    <col min="14872" max="14872" width="2.109375" style="1" customWidth="1"/>
    <col min="14873" max="14873" width="3.6640625" style="1" customWidth="1"/>
    <col min="14874" max="14874" width="2.88671875" style="1" customWidth="1"/>
    <col min="14875" max="14875" width="8.6640625" style="1" customWidth="1"/>
    <col min="14876" max="14876" width="2.88671875" style="1" customWidth="1"/>
    <col min="14877" max="14877" width="1.6640625" style="1" customWidth="1"/>
    <col min="14878" max="14878" width="10.33203125" style="1" customWidth="1"/>
    <col min="14879" max="14879" width="5.6640625" style="1" customWidth="1"/>
    <col min="14880" max="14880" width="2.109375" style="1" customWidth="1"/>
    <col min="14881" max="14881" width="1.88671875" style="1" customWidth="1"/>
    <col min="14882" max="14882" width="2.109375" style="1" customWidth="1"/>
    <col min="14883" max="14883" width="3.109375" style="1" customWidth="1"/>
    <col min="14884" max="14885" width="3.6640625" style="1" customWidth="1"/>
    <col min="14886" max="14886" width="5.109375" style="1" customWidth="1"/>
    <col min="14887" max="14887" width="8.88671875" style="1" customWidth="1"/>
    <col min="14888" max="14888" width="2.6640625" style="1" customWidth="1"/>
    <col min="14889" max="14891" width="2.109375" style="1" customWidth="1"/>
    <col min="14892" max="14892" width="5.6640625" style="1" customWidth="1"/>
    <col min="14893" max="14893" width="2.109375" style="1" customWidth="1"/>
    <col min="14894" max="14894" width="15.109375" style="1" customWidth="1"/>
    <col min="14895" max="14895" width="1.6640625" style="1" customWidth="1"/>
    <col min="14896" max="14896" width="3.109375" style="1" customWidth="1"/>
    <col min="14897" max="14897" width="3.6640625" style="1" customWidth="1"/>
    <col min="14898" max="14898" width="3.109375" style="1" customWidth="1"/>
    <col min="14899" max="14899" width="2.6640625" style="1" customWidth="1"/>
    <col min="14900" max="14900" width="6.6640625" style="1" customWidth="1"/>
    <col min="14901" max="14901" width="2.6640625" style="1" customWidth="1"/>
    <col min="14902" max="15111" width="9" style="1"/>
    <col min="15112" max="15112" width="11.6640625" style="1" bestFit="1" customWidth="1"/>
    <col min="15113" max="15113" width="6.44140625" style="1" bestFit="1" customWidth="1"/>
    <col min="15114" max="15114" width="2.109375" style="1" customWidth="1"/>
    <col min="15115" max="15115" width="4.6640625" style="1" customWidth="1"/>
    <col min="15116" max="15117" width="2.109375" style="1" customWidth="1"/>
    <col min="15118" max="15118" width="5.6640625" style="1" customWidth="1"/>
    <col min="15119" max="15119" width="3.6640625" style="1" customWidth="1"/>
    <col min="15120" max="15120" width="5.6640625" style="1" customWidth="1"/>
    <col min="15121" max="15121" width="3.6640625" style="1" customWidth="1"/>
    <col min="15122" max="15122" width="3.44140625" style="1" bestFit="1" customWidth="1"/>
    <col min="15123" max="15123" width="3.6640625" style="1" customWidth="1"/>
    <col min="15124" max="15124" width="3.44140625" style="1" bestFit="1" customWidth="1"/>
    <col min="15125" max="15125" width="3.6640625" style="1" customWidth="1"/>
    <col min="15126" max="15126" width="3.44140625" style="1" bestFit="1" customWidth="1"/>
    <col min="15127" max="15127" width="5.109375" style="1" customWidth="1"/>
    <col min="15128" max="15128" width="2.109375" style="1" customWidth="1"/>
    <col min="15129" max="15129" width="3.6640625" style="1" customWidth="1"/>
    <col min="15130" max="15130" width="2.88671875" style="1" customWidth="1"/>
    <col min="15131" max="15131" width="8.6640625" style="1" customWidth="1"/>
    <col min="15132" max="15132" width="2.88671875" style="1" customWidth="1"/>
    <col min="15133" max="15133" width="1.6640625" style="1" customWidth="1"/>
    <col min="15134" max="15134" width="10.33203125" style="1" customWidth="1"/>
    <col min="15135" max="15135" width="5.6640625" style="1" customWidth="1"/>
    <col min="15136" max="15136" width="2.109375" style="1" customWidth="1"/>
    <col min="15137" max="15137" width="1.88671875" style="1" customWidth="1"/>
    <col min="15138" max="15138" width="2.109375" style="1" customWidth="1"/>
    <col min="15139" max="15139" width="3.109375" style="1" customWidth="1"/>
    <col min="15140" max="15141" width="3.6640625" style="1" customWidth="1"/>
    <col min="15142" max="15142" width="5.109375" style="1" customWidth="1"/>
    <col min="15143" max="15143" width="8.88671875" style="1" customWidth="1"/>
    <col min="15144" max="15144" width="2.6640625" style="1" customWidth="1"/>
    <col min="15145" max="15147" width="2.109375" style="1" customWidth="1"/>
    <col min="15148" max="15148" width="5.6640625" style="1" customWidth="1"/>
    <col min="15149" max="15149" width="2.109375" style="1" customWidth="1"/>
    <col min="15150" max="15150" width="15.109375" style="1" customWidth="1"/>
    <col min="15151" max="15151" width="1.6640625" style="1" customWidth="1"/>
    <col min="15152" max="15152" width="3.109375" style="1" customWidth="1"/>
    <col min="15153" max="15153" width="3.6640625" style="1" customWidth="1"/>
    <col min="15154" max="15154" width="3.109375" style="1" customWidth="1"/>
    <col min="15155" max="15155" width="2.6640625" style="1" customWidth="1"/>
    <col min="15156" max="15156" width="6.6640625" style="1" customWidth="1"/>
    <col min="15157" max="15157" width="2.6640625" style="1" customWidth="1"/>
    <col min="15158" max="15367" width="9" style="1"/>
    <col min="15368" max="15368" width="11.6640625" style="1" bestFit="1" customWidth="1"/>
    <col min="15369" max="15369" width="6.44140625" style="1" bestFit="1" customWidth="1"/>
    <col min="15370" max="15370" width="2.109375" style="1" customWidth="1"/>
    <col min="15371" max="15371" width="4.6640625" style="1" customWidth="1"/>
    <col min="15372" max="15373" width="2.109375" style="1" customWidth="1"/>
    <col min="15374" max="15374" width="5.6640625" style="1" customWidth="1"/>
    <col min="15375" max="15375" width="3.6640625" style="1" customWidth="1"/>
    <col min="15376" max="15376" width="5.6640625" style="1" customWidth="1"/>
    <col min="15377" max="15377" width="3.6640625" style="1" customWidth="1"/>
    <col min="15378" max="15378" width="3.44140625" style="1" bestFit="1" customWidth="1"/>
    <col min="15379" max="15379" width="3.6640625" style="1" customWidth="1"/>
    <col min="15380" max="15380" width="3.44140625" style="1" bestFit="1" customWidth="1"/>
    <col min="15381" max="15381" width="3.6640625" style="1" customWidth="1"/>
    <col min="15382" max="15382" width="3.44140625" style="1" bestFit="1" customWidth="1"/>
    <col min="15383" max="15383" width="5.109375" style="1" customWidth="1"/>
    <col min="15384" max="15384" width="2.109375" style="1" customWidth="1"/>
    <col min="15385" max="15385" width="3.6640625" style="1" customWidth="1"/>
    <col min="15386" max="15386" width="2.88671875" style="1" customWidth="1"/>
    <col min="15387" max="15387" width="8.6640625" style="1" customWidth="1"/>
    <col min="15388" max="15388" width="2.88671875" style="1" customWidth="1"/>
    <col min="15389" max="15389" width="1.6640625" style="1" customWidth="1"/>
    <col min="15390" max="15390" width="10.33203125" style="1" customWidth="1"/>
    <col min="15391" max="15391" width="5.6640625" style="1" customWidth="1"/>
    <col min="15392" max="15392" width="2.109375" style="1" customWidth="1"/>
    <col min="15393" max="15393" width="1.88671875" style="1" customWidth="1"/>
    <col min="15394" max="15394" width="2.109375" style="1" customWidth="1"/>
    <col min="15395" max="15395" width="3.109375" style="1" customWidth="1"/>
    <col min="15396" max="15397" width="3.6640625" style="1" customWidth="1"/>
    <col min="15398" max="15398" width="5.109375" style="1" customWidth="1"/>
    <col min="15399" max="15399" width="8.88671875" style="1" customWidth="1"/>
    <col min="15400" max="15400" width="2.6640625" style="1" customWidth="1"/>
    <col min="15401" max="15403" width="2.109375" style="1" customWidth="1"/>
    <col min="15404" max="15404" width="5.6640625" style="1" customWidth="1"/>
    <col min="15405" max="15405" width="2.109375" style="1" customWidth="1"/>
    <col min="15406" max="15406" width="15.109375" style="1" customWidth="1"/>
    <col min="15407" max="15407" width="1.6640625" style="1" customWidth="1"/>
    <col min="15408" max="15408" width="3.109375" style="1" customWidth="1"/>
    <col min="15409" max="15409" width="3.6640625" style="1" customWidth="1"/>
    <col min="15410" max="15410" width="3.109375" style="1" customWidth="1"/>
    <col min="15411" max="15411" width="2.6640625" style="1" customWidth="1"/>
    <col min="15412" max="15412" width="6.6640625" style="1" customWidth="1"/>
    <col min="15413" max="15413" width="2.6640625" style="1" customWidth="1"/>
    <col min="15414" max="15623" width="9" style="1"/>
    <col min="15624" max="15624" width="11.6640625" style="1" bestFit="1" customWidth="1"/>
    <col min="15625" max="15625" width="6.44140625" style="1" bestFit="1" customWidth="1"/>
    <col min="15626" max="15626" width="2.109375" style="1" customWidth="1"/>
    <col min="15627" max="15627" width="4.6640625" style="1" customWidth="1"/>
    <col min="15628" max="15629" width="2.109375" style="1" customWidth="1"/>
    <col min="15630" max="15630" width="5.6640625" style="1" customWidth="1"/>
    <col min="15631" max="15631" width="3.6640625" style="1" customWidth="1"/>
    <col min="15632" max="15632" width="5.6640625" style="1" customWidth="1"/>
    <col min="15633" max="15633" width="3.6640625" style="1" customWidth="1"/>
    <col min="15634" max="15634" width="3.44140625" style="1" bestFit="1" customWidth="1"/>
    <col min="15635" max="15635" width="3.6640625" style="1" customWidth="1"/>
    <col min="15636" max="15636" width="3.44140625" style="1" bestFit="1" customWidth="1"/>
    <col min="15637" max="15637" width="3.6640625" style="1" customWidth="1"/>
    <col min="15638" max="15638" width="3.44140625" style="1" bestFit="1" customWidth="1"/>
    <col min="15639" max="15639" width="5.109375" style="1" customWidth="1"/>
    <col min="15640" max="15640" width="2.109375" style="1" customWidth="1"/>
    <col min="15641" max="15641" width="3.6640625" style="1" customWidth="1"/>
    <col min="15642" max="15642" width="2.88671875" style="1" customWidth="1"/>
    <col min="15643" max="15643" width="8.6640625" style="1" customWidth="1"/>
    <col min="15644" max="15644" width="2.88671875" style="1" customWidth="1"/>
    <col min="15645" max="15645" width="1.6640625" style="1" customWidth="1"/>
    <col min="15646" max="15646" width="10.33203125" style="1" customWidth="1"/>
    <col min="15647" max="15647" width="5.6640625" style="1" customWidth="1"/>
    <col min="15648" max="15648" width="2.109375" style="1" customWidth="1"/>
    <col min="15649" max="15649" width="1.88671875" style="1" customWidth="1"/>
    <col min="15650" max="15650" width="2.109375" style="1" customWidth="1"/>
    <col min="15651" max="15651" width="3.109375" style="1" customWidth="1"/>
    <col min="15652" max="15653" width="3.6640625" style="1" customWidth="1"/>
    <col min="15654" max="15654" width="5.109375" style="1" customWidth="1"/>
    <col min="15655" max="15655" width="8.88671875" style="1" customWidth="1"/>
    <col min="15656" max="15656" width="2.6640625" style="1" customWidth="1"/>
    <col min="15657" max="15659" width="2.109375" style="1" customWidth="1"/>
    <col min="15660" max="15660" width="5.6640625" style="1" customWidth="1"/>
    <col min="15661" max="15661" width="2.109375" style="1" customWidth="1"/>
    <col min="15662" max="15662" width="15.109375" style="1" customWidth="1"/>
    <col min="15663" max="15663" width="1.6640625" style="1" customWidth="1"/>
    <col min="15664" max="15664" width="3.109375" style="1" customWidth="1"/>
    <col min="15665" max="15665" width="3.6640625" style="1" customWidth="1"/>
    <col min="15666" max="15666" width="3.109375" style="1" customWidth="1"/>
    <col min="15667" max="15667" width="2.6640625" style="1" customWidth="1"/>
    <col min="15668" max="15668" width="6.6640625" style="1" customWidth="1"/>
    <col min="15669" max="15669" width="2.6640625" style="1" customWidth="1"/>
    <col min="15670" max="15879" width="9" style="1"/>
    <col min="15880" max="15880" width="11.6640625" style="1" bestFit="1" customWidth="1"/>
    <col min="15881" max="15881" width="6.44140625" style="1" bestFit="1" customWidth="1"/>
    <col min="15882" max="15882" width="2.109375" style="1" customWidth="1"/>
    <col min="15883" max="15883" width="4.6640625" style="1" customWidth="1"/>
    <col min="15884" max="15885" width="2.109375" style="1" customWidth="1"/>
    <col min="15886" max="15886" width="5.6640625" style="1" customWidth="1"/>
    <col min="15887" max="15887" width="3.6640625" style="1" customWidth="1"/>
    <col min="15888" max="15888" width="5.6640625" style="1" customWidth="1"/>
    <col min="15889" max="15889" width="3.6640625" style="1" customWidth="1"/>
    <col min="15890" max="15890" width="3.44140625" style="1" bestFit="1" customWidth="1"/>
    <col min="15891" max="15891" width="3.6640625" style="1" customWidth="1"/>
    <col min="15892" max="15892" width="3.44140625" style="1" bestFit="1" customWidth="1"/>
    <col min="15893" max="15893" width="3.6640625" style="1" customWidth="1"/>
    <col min="15894" max="15894" width="3.44140625" style="1" bestFit="1" customWidth="1"/>
    <col min="15895" max="15895" width="5.109375" style="1" customWidth="1"/>
    <col min="15896" max="15896" width="2.109375" style="1" customWidth="1"/>
    <col min="15897" max="15897" width="3.6640625" style="1" customWidth="1"/>
    <col min="15898" max="15898" width="2.88671875" style="1" customWidth="1"/>
    <col min="15899" max="15899" width="8.6640625" style="1" customWidth="1"/>
    <col min="15900" max="15900" width="2.88671875" style="1" customWidth="1"/>
    <col min="15901" max="15901" width="1.6640625" style="1" customWidth="1"/>
    <col min="15902" max="15902" width="10.33203125" style="1" customWidth="1"/>
    <col min="15903" max="15903" width="5.6640625" style="1" customWidth="1"/>
    <col min="15904" max="15904" width="2.109375" style="1" customWidth="1"/>
    <col min="15905" max="15905" width="1.88671875" style="1" customWidth="1"/>
    <col min="15906" max="15906" width="2.109375" style="1" customWidth="1"/>
    <col min="15907" max="15907" width="3.109375" style="1" customWidth="1"/>
    <col min="15908" max="15909" width="3.6640625" style="1" customWidth="1"/>
    <col min="15910" max="15910" width="5.109375" style="1" customWidth="1"/>
    <col min="15911" max="15911" width="8.88671875" style="1" customWidth="1"/>
    <col min="15912" max="15912" width="2.6640625" style="1" customWidth="1"/>
    <col min="15913" max="15915" width="2.109375" style="1" customWidth="1"/>
    <col min="15916" max="15916" width="5.6640625" style="1" customWidth="1"/>
    <col min="15917" max="15917" width="2.109375" style="1" customWidth="1"/>
    <col min="15918" max="15918" width="15.109375" style="1" customWidth="1"/>
    <col min="15919" max="15919" width="1.6640625" style="1" customWidth="1"/>
    <col min="15920" max="15920" width="3.109375" style="1" customWidth="1"/>
    <col min="15921" max="15921" width="3.6640625" style="1" customWidth="1"/>
    <col min="15922" max="15922" width="3.109375" style="1" customWidth="1"/>
    <col min="15923" max="15923" width="2.6640625" style="1" customWidth="1"/>
    <col min="15924" max="15924" width="6.6640625" style="1" customWidth="1"/>
    <col min="15925" max="15925" width="2.6640625" style="1" customWidth="1"/>
    <col min="15926" max="16135" width="9" style="1"/>
    <col min="16136" max="16136" width="11.6640625" style="1" bestFit="1" customWidth="1"/>
    <col min="16137" max="16137" width="6.44140625" style="1" bestFit="1" customWidth="1"/>
    <col min="16138" max="16138" width="2.109375" style="1" customWidth="1"/>
    <col min="16139" max="16139" width="4.6640625" style="1" customWidth="1"/>
    <col min="16140" max="16141" width="2.109375" style="1" customWidth="1"/>
    <col min="16142" max="16142" width="5.6640625" style="1" customWidth="1"/>
    <col min="16143" max="16143" width="3.6640625" style="1" customWidth="1"/>
    <col min="16144" max="16144" width="5.6640625" style="1" customWidth="1"/>
    <col min="16145" max="16145" width="3.6640625" style="1" customWidth="1"/>
    <col min="16146" max="16146" width="3.44140625" style="1" bestFit="1" customWidth="1"/>
    <col min="16147" max="16147" width="3.6640625" style="1" customWidth="1"/>
    <col min="16148" max="16148" width="3.44140625" style="1" bestFit="1" customWidth="1"/>
    <col min="16149" max="16149" width="3.6640625" style="1" customWidth="1"/>
    <col min="16150" max="16150" width="3.44140625" style="1" bestFit="1" customWidth="1"/>
    <col min="16151" max="16151" width="5.109375" style="1" customWidth="1"/>
    <col min="16152" max="16152" width="2.109375" style="1" customWidth="1"/>
    <col min="16153" max="16153" width="3.6640625" style="1" customWidth="1"/>
    <col min="16154" max="16154" width="2.88671875" style="1" customWidth="1"/>
    <col min="16155" max="16155" width="8.6640625" style="1" customWidth="1"/>
    <col min="16156" max="16156" width="2.88671875" style="1" customWidth="1"/>
    <col min="16157" max="16157" width="1.6640625" style="1" customWidth="1"/>
    <col min="16158" max="16158" width="10.33203125" style="1" customWidth="1"/>
    <col min="16159" max="16159" width="5.6640625" style="1" customWidth="1"/>
    <col min="16160" max="16160" width="2.109375" style="1" customWidth="1"/>
    <col min="16161" max="16161" width="1.88671875" style="1" customWidth="1"/>
    <col min="16162" max="16162" width="2.109375" style="1" customWidth="1"/>
    <col min="16163" max="16163" width="3.109375" style="1" customWidth="1"/>
    <col min="16164" max="16165" width="3.6640625" style="1" customWidth="1"/>
    <col min="16166" max="16166" width="5.109375" style="1" customWidth="1"/>
    <col min="16167" max="16167" width="8.88671875" style="1" customWidth="1"/>
    <col min="16168" max="16168" width="2.6640625" style="1" customWidth="1"/>
    <col min="16169" max="16171" width="2.109375" style="1" customWidth="1"/>
    <col min="16172" max="16172" width="5.6640625" style="1" customWidth="1"/>
    <col min="16173" max="16173" width="2.109375" style="1" customWidth="1"/>
    <col min="16174" max="16174" width="15.109375" style="1" customWidth="1"/>
    <col min="16175" max="16175" width="1.6640625" style="1" customWidth="1"/>
    <col min="16176" max="16176" width="3.109375" style="1" customWidth="1"/>
    <col min="16177" max="16177" width="3.6640625" style="1" customWidth="1"/>
    <col min="16178" max="16178" width="3.109375" style="1" customWidth="1"/>
    <col min="16179" max="16179" width="2.6640625" style="1" customWidth="1"/>
    <col min="16180" max="16180" width="6.6640625" style="1" customWidth="1"/>
    <col min="16181" max="16181" width="2.6640625" style="1" customWidth="1"/>
    <col min="16182" max="16384" width="9" style="1"/>
  </cols>
  <sheetData>
    <row r="1" spans="1:54" ht="26.25" customHeight="1" thickBot="1" x14ac:dyDescent="0.25">
      <c r="D1" s="2" t="s">
        <v>113</v>
      </c>
    </row>
    <row r="2" spans="1:54" ht="18" customHeight="1" x14ac:dyDescent="0.2">
      <c r="A2" s="3"/>
      <c r="B2" s="3"/>
      <c r="C2" s="3"/>
      <c r="D2" s="182" t="s">
        <v>74</v>
      </c>
      <c r="E2" s="182"/>
      <c r="F2" s="182"/>
      <c r="G2" s="182"/>
      <c r="H2" s="182"/>
      <c r="I2" s="182"/>
      <c r="J2" s="182"/>
      <c r="K2" s="182"/>
      <c r="L2" s="182"/>
      <c r="M2" s="182"/>
      <c r="N2" s="182"/>
      <c r="O2" s="4"/>
      <c r="P2" s="4"/>
      <c r="Q2" s="4"/>
      <c r="R2" s="4"/>
      <c r="S2" s="4"/>
      <c r="T2" s="4"/>
      <c r="U2" s="3"/>
      <c r="V2" s="5"/>
      <c r="W2" s="6"/>
      <c r="X2" s="6"/>
      <c r="Y2" s="6"/>
      <c r="Z2" s="3"/>
      <c r="AA2" s="3"/>
      <c r="AB2" s="176" t="s">
        <v>36</v>
      </c>
      <c r="AC2" s="177"/>
      <c r="AD2" s="177"/>
      <c r="AE2" s="177"/>
      <c r="AF2" s="177"/>
      <c r="AG2" s="177"/>
      <c r="AH2" s="178"/>
      <c r="AI2" s="174" t="s">
        <v>57</v>
      </c>
      <c r="AJ2" s="174"/>
      <c r="AK2" s="174"/>
      <c r="AL2" s="174"/>
      <c r="AM2" s="174"/>
      <c r="AN2" s="174"/>
      <c r="AO2" s="174"/>
      <c r="AP2" s="174"/>
      <c r="AQ2" s="174"/>
      <c r="AR2" s="174"/>
      <c r="AS2" s="174"/>
      <c r="AT2" s="174"/>
      <c r="AU2" s="174"/>
      <c r="AV2" s="174"/>
      <c r="AW2" s="174"/>
      <c r="AX2" s="174"/>
      <c r="AY2" s="174"/>
      <c r="AZ2" s="174"/>
      <c r="BA2" s="175"/>
      <c r="BB2" s="3"/>
    </row>
    <row r="3" spans="1:54" ht="18" customHeight="1" thickBot="1" x14ac:dyDescent="0.25">
      <c r="A3" s="3"/>
      <c r="B3" s="3"/>
      <c r="C3" s="3"/>
      <c r="D3" s="182"/>
      <c r="E3" s="182"/>
      <c r="F3" s="182"/>
      <c r="G3" s="182"/>
      <c r="H3" s="182"/>
      <c r="I3" s="182"/>
      <c r="J3" s="182"/>
      <c r="K3" s="182"/>
      <c r="L3" s="182"/>
      <c r="M3" s="182"/>
      <c r="N3" s="182"/>
      <c r="O3" s="181" t="s">
        <v>112</v>
      </c>
      <c r="P3" s="181"/>
      <c r="Q3" s="181"/>
      <c r="R3" s="181"/>
      <c r="S3" s="181"/>
      <c r="T3" s="181"/>
      <c r="U3" s="3"/>
      <c r="V3" s="179" t="s">
        <v>3</v>
      </c>
      <c r="W3" s="180"/>
      <c r="X3" s="180"/>
      <c r="Y3" s="7"/>
      <c r="Z3" s="3"/>
      <c r="AA3" s="3"/>
      <c r="AB3" s="139" t="s">
        <v>70</v>
      </c>
      <c r="AC3" s="140"/>
      <c r="AD3" s="140"/>
      <c r="AE3" s="140"/>
      <c r="AF3" s="140"/>
      <c r="AG3" s="140"/>
      <c r="AH3" s="141"/>
      <c r="AI3" s="142"/>
      <c r="AJ3" s="142"/>
      <c r="AK3" s="142"/>
      <c r="AL3" s="142"/>
      <c r="AM3" s="142"/>
      <c r="AN3" s="142"/>
      <c r="AO3" s="142"/>
      <c r="AP3" s="142"/>
      <c r="AQ3" s="142"/>
      <c r="AR3" s="142"/>
      <c r="AS3" s="142"/>
      <c r="AT3" s="142"/>
      <c r="AU3" s="142"/>
      <c r="AV3" s="142"/>
      <c r="AW3" s="142"/>
      <c r="AX3" s="142"/>
      <c r="AY3" s="142"/>
      <c r="AZ3" s="142"/>
      <c r="BA3" s="143"/>
      <c r="BB3" s="3"/>
    </row>
    <row r="4" spans="1:54" ht="18.75" customHeight="1" thickBot="1" x14ac:dyDescent="0.25">
      <c r="A4" s="3"/>
      <c r="B4" s="274" t="s">
        <v>80</v>
      </c>
      <c r="C4" s="275"/>
      <c r="D4" s="275"/>
      <c r="E4" s="188" t="s">
        <v>149</v>
      </c>
      <c r="F4" s="188"/>
      <c r="G4" s="188"/>
      <c r="H4" s="188"/>
      <c r="I4" s="188"/>
      <c r="J4" s="188"/>
      <c r="K4" s="188"/>
      <c r="L4" s="188"/>
      <c r="M4" s="188"/>
      <c r="N4" s="188"/>
      <c r="O4" s="188"/>
      <c r="P4" s="188"/>
      <c r="Q4" s="188"/>
      <c r="R4" s="188"/>
      <c r="S4" s="188"/>
      <c r="T4" s="189"/>
      <c r="U4" s="3"/>
      <c r="V4" s="8" t="s">
        <v>24</v>
      </c>
      <c r="W4" s="9"/>
      <c r="X4" s="9"/>
      <c r="Y4" s="10"/>
      <c r="Z4" s="3"/>
      <c r="AA4" s="3"/>
      <c r="AB4" s="170"/>
      <c r="AC4" s="171"/>
      <c r="AD4" s="171" t="s">
        <v>0</v>
      </c>
      <c r="AE4" s="171"/>
      <c r="AF4" s="171"/>
      <c r="AG4" s="171"/>
      <c r="AH4" s="88" t="s">
        <v>37</v>
      </c>
      <c r="AI4" s="142"/>
      <c r="AJ4" s="142"/>
      <c r="AK4" s="142"/>
      <c r="AL4" s="142"/>
      <c r="AM4" s="142"/>
      <c r="AN4" s="142"/>
      <c r="AO4" s="142"/>
      <c r="AP4" s="142"/>
      <c r="AQ4" s="142"/>
      <c r="AR4" s="142"/>
      <c r="AS4" s="142"/>
      <c r="AT4" s="142"/>
      <c r="AU4" s="142"/>
      <c r="AV4" s="142"/>
      <c r="AW4" s="142"/>
      <c r="AX4" s="142"/>
      <c r="AY4" s="142"/>
      <c r="AZ4" s="142"/>
      <c r="BA4" s="143"/>
      <c r="BB4" s="3"/>
    </row>
    <row r="5" spans="1:54" ht="18.75" customHeight="1" x14ac:dyDescent="0.2">
      <c r="A5" s="3"/>
      <c r="B5" s="272" t="s">
        <v>79</v>
      </c>
      <c r="C5" s="273"/>
      <c r="D5" s="273"/>
      <c r="E5" s="186"/>
      <c r="F5" s="186"/>
      <c r="G5" s="186"/>
      <c r="H5" s="186"/>
      <c r="I5" s="186"/>
      <c r="J5" s="186"/>
      <c r="K5" s="186"/>
      <c r="L5" s="186"/>
      <c r="M5" s="186"/>
      <c r="N5" s="186"/>
      <c r="O5" s="186"/>
      <c r="P5" s="186"/>
      <c r="Q5" s="187"/>
      <c r="R5" s="183" t="s">
        <v>90</v>
      </c>
      <c r="S5" s="184"/>
      <c r="T5" s="185"/>
      <c r="U5" s="3"/>
      <c r="V5" s="11"/>
      <c r="W5" s="12"/>
      <c r="X5" s="12" t="s">
        <v>9</v>
      </c>
      <c r="Y5" s="13"/>
      <c r="Z5" s="3"/>
      <c r="AA5" s="3"/>
      <c r="AB5" s="139" t="s">
        <v>70</v>
      </c>
      <c r="AC5" s="140"/>
      <c r="AD5" s="140"/>
      <c r="AE5" s="140"/>
      <c r="AF5" s="140"/>
      <c r="AG5" s="140"/>
      <c r="AH5" s="141"/>
      <c r="AI5" s="142"/>
      <c r="AJ5" s="142"/>
      <c r="AK5" s="142"/>
      <c r="AL5" s="142"/>
      <c r="AM5" s="142"/>
      <c r="AN5" s="142"/>
      <c r="AO5" s="142"/>
      <c r="AP5" s="142"/>
      <c r="AQ5" s="142"/>
      <c r="AR5" s="142"/>
      <c r="AS5" s="142"/>
      <c r="AT5" s="142"/>
      <c r="AU5" s="142"/>
      <c r="AV5" s="142"/>
      <c r="AW5" s="142"/>
      <c r="AX5" s="142"/>
      <c r="AY5" s="142"/>
      <c r="AZ5" s="142"/>
      <c r="BA5" s="143"/>
      <c r="BB5" s="3"/>
    </row>
    <row r="6" spans="1:54" ht="18.75" customHeight="1" x14ac:dyDescent="0.2">
      <c r="A6" s="3"/>
      <c r="B6" s="261" t="s">
        <v>2</v>
      </c>
      <c r="C6" s="262"/>
      <c r="D6" s="262"/>
      <c r="E6" s="288"/>
      <c r="F6" s="288"/>
      <c r="G6" s="288"/>
      <c r="H6" s="288"/>
      <c r="I6" s="288"/>
      <c r="J6" s="288"/>
      <c r="K6" s="288"/>
      <c r="L6" s="288"/>
      <c r="M6" s="288"/>
      <c r="N6" s="288"/>
      <c r="O6" s="288"/>
      <c r="P6" s="288"/>
      <c r="Q6" s="289"/>
      <c r="R6" s="282"/>
      <c r="S6" s="283"/>
      <c r="T6" s="284"/>
      <c r="U6" s="3"/>
      <c r="V6" s="8" t="s">
        <v>25</v>
      </c>
      <c r="W6" s="9"/>
      <c r="X6" s="9"/>
      <c r="Y6" s="10"/>
      <c r="Z6" s="3"/>
      <c r="AA6" s="3"/>
      <c r="AB6" s="170"/>
      <c r="AC6" s="171"/>
      <c r="AD6" s="171" t="s">
        <v>0</v>
      </c>
      <c r="AE6" s="171"/>
      <c r="AF6" s="171"/>
      <c r="AG6" s="171"/>
      <c r="AH6" s="88" t="s">
        <v>37</v>
      </c>
      <c r="AI6" s="142"/>
      <c r="AJ6" s="142"/>
      <c r="AK6" s="142"/>
      <c r="AL6" s="142"/>
      <c r="AM6" s="142"/>
      <c r="AN6" s="142"/>
      <c r="AO6" s="142"/>
      <c r="AP6" s="142"/>
      <c r="AQ6" s="142"/>
      <c r="AR6" s="142"/>
      <c r="AS6" s="142"/>
      <c r="AT6" s="142"/>
      <c r="AU6" s="142"/>
      <c r="AV6" s="142"/>
      <c r="AW6" s="142"/>
      <c r="AX6" s="142"/>
      <c r="AY6" s="142"/>
      <c r="AZ6" s="142"/>
      <c r="BA6" s="143"/>
      <c r="BB6" s="3"/>
    </row>
    <row r="7" spans="1:54" ht="18.75" customHeight="1" x14ac:dyDescent="0.2">
      <c r="A7" s="3"/>
      <c r="B7" s="276"/>
      <c r="C7" s="235"/>
      <c r="D7" s="235"/>
      <c r="E7" s="290"/>
      <c r="F7" s="290"/>
      <c r="G7" s="290"/>
      <c r="H7" s="290"/>
      <c r="I7" s="290"/>
      <c r="J7" s="290"/>
      <c r="K7" s="290"/>
      <c r="L7" s="290"/>
      <c r="M7" s="290"/>
      <c r="N7" s="290"/>
      <c r="O7" s="290"/>
      <c r="P7" s="290"/>
      <c r="Q7" s="291"/>
      <c r="R7" s="285"/>
      <c r="S7" s="286"/>
      <c r="T7" s="287"/>
      <c r="U7" s="3"/>
      <c r="V7" s="8" t="s">
        <v>26</v>
      </c>
      <c r="W7" s="9"/>
      <c r="X7" s="9"/>
      <c r="Y7" s="10"/>
      <c r="Z7" s="3"/>
      <c r="AA7" s="3"/>
      <c r="AB7" s="139" t="s">
        <v>70</v>
      </c>
      <c r="AC7" s="140"/>
      <c r="AD7" s="140"/>
      <c r="AE7" s="140"/>
      <c r="AF7" s="140"/>
      <c r="AG7" s="140"/>
      <c r="AH7" s="141"/>
      <c r="AI7" s="142"/>
      <c r="AJ7" s="142"/>
      <c r="AK7" s="142"/>
      <c r="AL7" s="142"/>
      <c r="AM7" s="142"/>
      <c r="AN7" s="142"/>
      <c r="AO7" s="142"/>
      <c r="AP7" s="142"/>
      <c r="AQ7" s="142"/>
      <c r="AR7" s="142"/>
      <c r="AS7" s="142"/>
      <c r="AT7" s="142"/>
      <c r="AU7" s="142"/>
      <c r="AV7" s="142"/>
      <c r="AW7" s="142"/>
      <c r="AX7" s="142"/>
      <c r="AY7" s="142"/>
      <c r="AZ7" s="142"/>
      <c r="BA7" s="143"/>
      <c r="BB7" s="3"/>
    </row>
    <row r="8" spans="1:54" ht="18.75" customHeight="1" thickBot="1" x14ac:dyDescent="0.25">
      <c r="A8" s="3"/>
      <c r="B8" s="276"/>
      <c r="C8" s="235"/>
      <c r="D8" s="235"/>
      <c r="E8" s="102" t="s">
        <v>47</v>
      </c>
      <c r="F8" s="104"/>
      <c r="G8" s="104"/>
      <c r="H8" s="104"/>
      <c r="I8" s="104"/>
      <c r="J8" s="104"/>
      <c r="K8" s="104"/>
      <c r="L8" s="104"/>
      <c r="M8" s="104"/>
      <c r="N8" s="104"/>
      <c r="O8" s="104"/>
      <c r="P8" s="104"/>
      <c r="Q8" s="105"/>
      <c r="R8" s="285"/>
      <c r="S8" s="286"/>
      <c r="T8" s="287"/>
      <c r="U8" s="3"/>
      <c r="V8" s="8" t="s">
        <v>6</v>
      </c>
      <c r="W8" s="9"/>
      <c r="X8" s="9"/>
      <c r="Y8" s="10"/>
      <c r="Z8" s="3"/>
      <c r="AA8" s="3"/>
      <c r="AB8" s="170"/>
      <c r="AC8" s="171"/>
      <c r="AD8" s="171" t="s">
        <v>0</v>
      </c>
      <c r="AE8" s="171"/>
      <c r="AF8" s="171"/>
      <c r="AG8" s="171"/>
      <c r="AH8" s="88" t="s">
        <v>37</v>
      </c>
      <c r="AI8" s="142"/>
      <c r="AJ8" s="142"/>
      <c r="AK8" s="142"/>
      <c r="AL8" s="142"/>
      <c r="AM8" s="142"/>
      <c r="AN8" s="142"/>
      <c r="AO8" s="142"/>
      <c r="AP8" s="142"/>
      <c r="AQ8" s="142"/>
      <c r="AR8" s="142"/>
      <c r="AS8" s="142"/>
      <c r="AT8" s="142"/>
      <c r="AU8" s="142"/>
      <c r="AV8" s="142"/>
      <c r="AW8" s="142"/>
      <c r="AX8" s="142"/>
      <c r="AY8" s="142"/>
      <c r="AZ8" s="142"/>
      <c r="BA8" s="143"/>
      <c r="BB8" s="3"/>
    </row>
    <row r="9" spans="1:54" ht="18.75" customHeight="1" x14ac:dyDescent="0.2">
      <c r="A9" s="3"/>
      <c r="B9" s="144" t="s">
        <v>92</v>
      </c>
      <c r="C9" s="145"/>
      <c r="D9" s="145"/>
      <c r="E9" s="190" t="s">
        <v>86</v>
      </c>
      <c r="F9" s="17"/>
      <c r="G9" s="17"/>
      <c r="H9" s="17"/>
      <c r="I9" s="17"/>
      <c r="J9" s="17"/>
      <c r="K9" s="17"/>
      <c r="L9" s="17"/>
      <c r="M9" s="17"/>
      <c r="N9" s="17"/>
      <c r="O9" s="17"/>
      <c r="P9" s="17"/>
      <c r="Q9" s="17"/>
      <c r="R9" s="17"/>
      <c r="S9" s="17"/>
      <c r="T9" s="18"/>
      <c r="U9" s="3"/>
      <c r="V9" s="19"/>
      <c r="W9" s="20"/>
      <c r="X9" s="20"/>
      <c r="Y9" s="21"/>
      <c r="Z9" s="3"/>
      <c r="AA9" s="3"/>
      <c r="AB9" s="139" t="s">
        <v>70</v>
      </c>
      <c r="AC9" s="140"/>
      <c r="AD9" s="140"/>
      <c r="AE9" s="140"/>
      <c r="AF9" s="140"/>
      <c r="AG9" s="140"/>
      <c r="AH9" s="141"/>
      <c r="AI9" s="142"/>
      <c r="AJ9" s="142"/>
      <c r="AK9" s="142"/>
      <c r="AL9" s="142"/>
      <c r="AM9" s="142"/>
      <c r="AN9" s="142"/>
      <c r="AO9" s="142"/>
      <c r="AP9" s="142"/>
      <c r="AQ9" s="142"/>
      <c r="AR9" s="142"/>
      <c r="AS9" s="142"/>
      <c r="AT9" s="142"/>
      <c r="AU9" s="142"/>
      <c r="AV9" s="142"/>
      <c r="AW9" s="142"/>
      <c r="AX9" s="142"/>
      <c r="AY9" s="142"/>
      <c r="AZ9" s="142"/>
      <c r="BA9" s="143"/>
      <c r="BB9" s="3"/>
    </row>
    <row r="10" spans="1:54" ht="18.75" customHeight="1" thickBot="1" x14ac:dyDescent="0.25">
      <c r="A10" s="3"/>
      <c r="B10" s="277"/>
      <c r="C10" s="258"/>
      <c r="D10" s="258"/>
      <c r="E10" s="191"/>
      <c r="F10" s="91"/>
      <c r="G10" s="91"/>
      <c r="H10" s="91" t="s">
        <v>0</v>
      </c>
      <c r="I10" s="91"/>
      <c r="J10" s="91"/>
      <c r="K10" s="91" t="s">
        <v>1</v>
      </c>
      <c r="L10" s="91"/>
      <c r="M10" s="33" t="s">
        <v>83</v>
      </c>
      <c r="N10" s="33"/>
      <c r="O10" s="221" t="s">
        <v>4</v>
      </c>
      <c r="P10" s="221"/>
      <c r="Q10" s="173"/>
      <c r="R10" s="173"/>
      <c r="S10" s="173"/>
      <c r="T10" s="106" t="s">
        <v>5</v>
      </c>
      <c r="U10" s="3"/>
      <c r="V10" s="192"/>
      <c r="W10" s="192"/>
      <c r="X10" s="192"/>
      <c r="Y10" s="192"/>
      <c r="Z10" s="3"/>
      <c r="AA10" s="3"/>
      <c r="AB10" s="170"/>
      <c r="AC10" s="171"/>
      <c r="AD10" s="171" t="s">
        <v>0</v>
      </c>
      <c r="AE10" s="171"/>
      <c r="AF10" s="171"/>
      <c r="AG10" s="171"/>
      <c r="AH10" s="88" t="s">
        <v>37</v>
      </c>
      <c r="AI10" s="142"/>
      <c r="AJ10" s="142"/>
      <c r="AK10" s="142"/>
      <c r="AL10" s="142"/>
      <c r="AM10" s="142"/>
      <c r="AN10" s="142"/>
      <c r="AO10" s="142"/>
      <c r="AP10" s="142"/>
      <c r="AQ10" s="142"/>
      <c r="AR10" s="142"/>
      <c r="AS10" s="142"/>
      <c r="AT10" s="142"/>
      <c r="AU10" s="142"/>
      <c r="AV10" s="142"/>
      <c r="AW10" s="142"/>
      <c r="AX10" s="142"/>
      <c r="AY10" s="142"/>
      <c r="AZ10" s="142"/>
      <c r="BA10" s="143"/>
      <c r="BB10" s="3"/>
    </row>
    <row r="11" spans="1:54" ht="18.75" customHeight="1" x14ac:dyDescent="0.2">
      <c r="A11" s="3"/>
      <c r="B11" s="272" t="s">
        <v>79</v>
      </c>
      <c r="C11" s="273"/>
      <c r="D11" s="273"/>
      <c r="E11" s="292"/>
      <c r="F11" s="292"/>
      <c r="G11" s="292"/>
      <c r="H11" s="292"/>
      <c r="I11" s="292"/>
      <c r="J11" s="292"/>
      <c r="K11" s="292"/>
      <c r="L11" s="292"/>
      <c r="M11" s="292"/>
      <c r="N11" s="292"/>
      <c r="O11" s="292"/>
      <c r="P11" s="292"/>
      <c r="Q11" s="292"/>
      <c r="R11" s="292"/>
      <c r="S11" s="292"/>
      <c r="T11" s="293"/>
      <c r="U11" s="23" t="s">
        <v>7</v>
      </c>
      <c r="V11" s="22"/>
      <c r="W11" s="24" t="s">
        <v>16</v>
      </c>
      <c r="X11" s="94"/>
      <c r="Y11" s="24" t="s">
        <v>17</v>
      </c>
      <c r="Z11" s="25"/>
      <c r="AA11" s="3"/>
      <c r="AB11" s="139" t="s">
        <v>70</v>
      </c>
      <c r="AC11" s="140"/>
      <c r="AD11" s="140"/>
      <c r="AE11" s="140"/>
      <c r="AF11" s="140"/>
      <c r="AG11" s="140"/>
      <c r="AH11" s="141"/>
      <c r="AI11" s="142"/>
      <c r="AJ11" s="142"/>
      <c r="AK11" s="142"/>
      <c r="AL11" s="142"/>
      <c r="AM11" s="142"/>
      <c r="AN11" s="142"/>
      <c r="AO11" s="142"/>
      <c r="AP11" s="142"/>
      <c r="AQ11" s="142"/>
      <c r="AR11" s="142"/>
      <c r="AS11" s="142"/>
      <c r="AT11" s="142"/>
      <c r="AU11" s="142"/>
      <c r="AV11" s="142"/>
      <c r="AW11" s="142"/>
      <c r="AX11" s="142"/>
      <c r="AY11" s="142"/>
      <c r="AZ11" s="142"/>
      <c r="BA11" s="143"/>
      <c r="BB11" s="3"/>
    </row>
    <row r="12" spans="1:54" ht="18.75" customHeight="1" thickBot="1" x14ac:dyDescent="0.25">
      <c r="A12" s="3"/>
      <c r="B12" s="261" t="s">
        <v>8</v>
      </c>
      <c r="C12" s="262"/>
      <c r="D12" s="262"/>
      <c r="E12" s="16" t="s">
        <v>18</v>
      </c>
      <c r="F12" s="16" t="s">
        <v>16</v>
      </c>
      <c r="G12" s="294"/>
      <c r="H12" s="294"/>
      <c r="I12" s="16" t="s">
        <v>20</v>
      </c>
      <c r="J12" s="294"/>
      <c r="K12" s="294"/>
      <c r="L12" s="93"/>
      <c r="M12" s="26" t="s">
        <v>17</v>
      </c>
      <c r="N12" s="93"/>
      <c r="O12" s="93"/>
      <c r="P12" s="93"/>
      <c r="Q12" s="93"/>
      <c r="R12" s="93"/>
      <c r="S12" s="93"/>
      <c r="T12" s="15"/>
      <c r="U12" s="27"/>
      <c r="V12" s="27"/>
      <c r="W12" s="3"/>
      <c r="X12" s="27"/>
      <c r="Y12" s="27"/>
      <c r="Z12" s="28"/>
      <c r="AA12" s="3"/>
      <c r="AB12" s="170"/>
      <c r="AC12" s="171"/>
      <c r="AD12" s="171" t="s">
        <v>0</v>
      </c>
      <c r="AE12" s="171"/>
      <c r="AF12" s="171"/>
      <c r="AG12" s="171"/>
      <c r="AH12" s="88" t="s">
        <v>37</v>
      </c>
      <c r="AI12" s="142"/>
      <c r="AJ12" s="142"/>
      <c r="AK12" s="142"/>
      <c r="AL12" s="142"/>
      <c r="AM12" s="142"/>
      <c r="AN12" s="142"/>
      <c r="AO12" s="142"/>
      <c r="AP12" s="142"/>
      <c r="AQ12" s="142"/>
      <c r="AR12" s="142"/>
      <c r="AS12" s="142"/>
      <c r="AT12" s="142"/>
      <c r="AU12" s="142"/>
      <c r="AV12" s="142"/>
      <c r="AW12" s="142"/>
      <c r="AX12" s="142"/>
      <c r="AY12" s="142"/>
      <c r="AZ12" s="142"/>
      <c r="BA12" s="143"/>
      <c r="BB12" s="3"/>
    </row>
    <row r="13" spans="1:54" ht="18.75" customHeight="1" x14ac:dyDescent="0.2">
      <c r="A13" s="3"/>
      <c r="B13" s="276"/>
      <c r="C13" s="235"/>
      <c r="D13" s="235"/>
      <c r="E13" s="278"/>
      <c r="F13" s="278"/>
      <c r="G13" s="278"/>
      <c r="H13" s="278"/>
      <c r="I13" s="278"/>
      <c r="J13" s="278"/>
      <c r="K13" s="278"/>
      <c r="L13" s="278"/>
      <c r="M13" s="278"/>
      <c r="N13" s="278"/>
      <c r="O13" s="278"/>
      <c r="P13" s="278"/>
      <c r="Q13" s="278"/>
      <c r="R13" s="278"/>
      <c r="S13" s="278"/>
      <c r="T13" s="279"/>
      <c r="U13" s="263"/>
      <c r="V13" s="263"/>
      <c r="W13" s="3" t="s">
        <v>20</v>
      </c>
      <c r="X13" s="263"/>
      <c r="Y13" s="263"/>
      <c r="Z13" s="264"/>
      <c r="AA13" s="3"/>
      <c r="AB13" s="144" t="s">
        <v>84</v>
      </c>
      <c r="AC13" s="145"/>
      <c r="AD13" s="145"/>
      <c r="AE13" s="145"/>
      <c r="AF13" s="145"/>
      <c r="AG13" s="145"/>
      <c r="AH13" s="145"/>
      <c r="AI13" s="145"/>
      <c r="AJ13" s="145"/>
      <c r="AK13" s="145"/>
      <c r="AL13" s="145"/>
      <c r="AM13" s="145"/>
      <c r="AN13" s="145"/>
      <c r="AO13" s="145"/>
      <c r="AP13" s="145"/>
      <c r="AQ13" s="145"/>
      <c r="AR13" s="145"/>
      <c r="AS13" s="145"/>
      <c r="AT13" s="145"/>
      <c r="AU13" s="145"/>
      <c r="AV13" s="145"/>
      <c r="AW13" s="145"/>
      <c r="AX13" s="145"/>
      <c r="AY13" s="145"/>
      <c r="AZ13" s="145"/>
      <c r="BA13" s="146"/>
      <c r="BB13" s="3"/>
    </row>
    <row r="14" spans="1:54" ht="18.75" customHeight="1" thickBot="1" x14ac:dyDescent="0.25">
      <c r="A14" s="3"/>
      <c r="B14" s="277"/>
      <c r="C14" s="258"/>
      <c r="D14" s="258"/>
      <c r="E14" s="280"/>
      <c r="F14" s="280"/>
      <c r="G14" s="280"/>
      <c r="H14" s="280"/>
      <c r="I14" s="280"/>
      <c r="J14" s="280"/>
      <c r="K14" s="280"/>
      <c r="L14" s="280"/>
      <c r="M14" s="280"/>
      <c r="N14" s="280"/>
      <c r="O14" s="280"/>
      <c r="P14" s="280"/>
      <c r="Q14" s="280"/>
      <c r="R14" s="280"/>
      <c r="S14" s="280"/>
      <c r="T14" s="281"/>
      <c r="U14" s="32"/>
      <c r="V14" s="32"/>
      <c r="W14" s="33"/>
      <c r="X14" s="95"/>
      <c r="Y14" s="95"/>
      <c r="Z14" s="96"/>
      <c r="AA14" s="3"/>
      <c r="AB14" s="164"/>
      <c r="AC14" s="165"/>
      <c r="AD14" s="165"/>
      <c r="AE14" s="165"/>
      <c r="AF14" s="165"/>
      <c r="AG14" s="165"/>
      <c r="AH14" s="165"/>
      <c r="AI14" s="165"/>
      <c r="AJ14" s="165"/>
      <c r="AK14" s="165"/>
      <c r="AL14" s="165"/>
      <c r="AM14" s="165"/>
      <c r="AN14" s="165"/>
      <c r="AO14" s="165"/>
      <c r="AP14" s="165"/>
      <c r="AQ14" s="165"/>
      <c r="AR14" s="165"/>
      <c r="AS14" s="165"/>
      <c r="AT14" s="165"/>
      <c r="AU14" s="165"/>
      <c r="AV14" s="165"/>
      <c r="AW14" s="165"/>
      <c r="AX14" s="165"/>
      <c r="AY14" s="165"/>
      <c r="AZ14" s="165"/>
      <c r="BA14" s="166"/>
      <c r="BB14" s="3"/>
    </row>
    <row r="15" spans="1:54" ht="18.75" customHeight="1" x14ac:dyDescent="0.2">
      <c r="A15" s="3"/>
      <c r="B15" s="157" t="s">
        <v>27</v>
      </c>
      <c r="C15" s="158"/>
      <c r="D15" s="158"/>
      <c r="E15" s="158"/>
      <c r="F15" s="260"/>
      <c r="G15" s="216" t="s">
        <v>28</v>
      </c>
      <c r="H15" s="177"/>
      <c r="I15" s="177"/>
      <c r="J15" s="177"/>
      <c r="K15" s="177"/>
      <c r="L15" s="177"/>
      <c r="M15" s="177"/>
      <c r="N15" s="177"/>
      <c r="O15" s="177"/>
      <c r="P15" s="177"/>
      <c r="Q15" s="177"/>
      <c r="R15" s="177"/>
      <c r="S15" s="177"/>
      <c r="T15" s="177"/>
      <c r="U15" s="177"/>
      <c r="V15" s="177"/>
      <c r="W15" s="177"/>
      <c r="X15" s="177"/>
      <c r="Y15" s="177"/>
      <c r="Z15" s="217"/>
      <c r="AA15" s="3"/>
      <c r="AB15" s="164"/>
      <c r="AC15" s="165"/>
      <c r="AD15" s="165"/>
      <c r="AE15" s="165"/>
      <c r="AF15" s="165"/>
      <c r="AG15" s="165"/>
      <c r="AH15" s="165"/>
      <c r="AI15" s="165"/>
      <c r="AJ15" s="165"/>
      <c r="AK15" s="165"/>
      <c r="AL15" s="165"/>
      <c r="AM15" s="165"/>
      <c r="AN15" s="165"/>
      <c r="AO15" s="165"/>
      <c r="AP15" s="165"/>
      <c r="AQ15" s="165"/>
      <c r="AR15" s="165"/>
      <c r="AS15" s="165"/>
      <c r="AT15" s="165"/>
      <c r="AU15" s="165"/>
      <c r="AV15" s="165"/>
      <c r="AW15" s="165"/>
      <c r="AX15" s="165"/>
      <c r="AY15" s="165"/>
      <c r="AZ15" s="165"/>
      <c r="BA15" s="166"/>
      <c r="BB15" s="3"/>
    </row>
    <row r="16" spans="1:54" ht="18.75" customHeight="1" x14ac:dyDescent="0.2">
      <c r="A16" s="3"/>
      <c r="B16" s="295" t="s">
        <v>85</v>
      </c>
      <c r="C16" s="296"/>
      <c r="D16" s="296"/>
      <c r="E16" s="35"/>
      <c r="F16" s="36"/>
      <c r="G16" s="214"/>
      <c r="H16" s="210"/>
      <c r="I16" s="210"/>
      <c r="J16" s="210"/>
      <c r="K16" s="210"/>
      <c r="L16" s="210"/>
      <c r="M16" s="210"/>
      <c r="N16" s="210"/>
      <c r="O16" s="210"/>
      <c r="P16" s="210"/>
      <c r="Q16" s="210"/>
      <c r="R16" s="210"/>
      <c r="S16" s="210" t="s">
        <v>29</v>
      </c>
      <c r="T16" s="210"/>
      <c r="U16" s="210"/>
      <c r="V16" s="210"/>
      <c r="W16" s="210"/>
      <c r="X16" s="210"/>
      <c r="Y16" s="210"/>
      <c r="Z16" s="211"/>
      <c r="AA16" s="3"/>
      <c r="AB16" s="164"/>
      <c r="AC16" s="165"/>
      <c r="AD16" s="165"/>
      <c r="AE16" s="165"/>
      <c r="AF16" s="165"/>
      <c r="AG16" s="165"/>
      <c r="AH16" s="165"/>
      <c r="AI16" s="165"/>
      <c r="AJ16" s="165"/>
      <c r="AK16" s="165"/>
      <c r="AL16" s="165"/>
      <c r="AM16" s="165"/>
      <c r="AN16" s="165"/>
      <c r="AO16" s="165"/>
      <c r="AP16" s="165"/>
      <c r="AQ16" s="165"/>
      <c r="AR16" s="165"/>
      <c r="AS16" s="165"/>
      <c r="AT16" s="165"/>
      <c r="AU16" s="165"/>
      <c r="AV16" s="165"/>
      <c r="AW16" s="165"/>
      <c r="AX16" s="165"/>
      <c r="AY16" s="165"/>
      <c r="AZ16" s="165"/>
      <c r="BA16" s="166"/>
      <c r="BB16" s="3"/>
    </row>
    <row r="17" spans="1:54" ht="18.75" customHeight="1" thickBot="1" x14ac:dyDescent="0.25">
      <c r="A17" s="3"/>
      <c r="B17" s="297"/>
      <c r="C17" s="173"/>
      <c r="D17" s="91" t="s">
        <v>0</v>
      </c>
      <c r="E17" s="91"/>
      <c r="F17" s="92" t="s">
        <v>1</v>
      </c>
      <c r="G17" s="215"/>
      <c r="H17" s="212"/>
      <c r="I17" s="212"/>
      <c r="J17" s="212"/>
      <c r="K17" s="212"/>
      <c r="L17" s="212"/>
      <c r="M17" s="212"/>
      <c r="N17" s="212"/>
      <c r="O17" s="212"/>
      <c r="P17" s="212"/>
      <c r="Q17" s="212"/>
      <c r="R17" s="212"/>
      <c r="S17" s="212"/>
      <c r="T17" s="212"/>
      <c r="U17" s="212"/>
      <c r="V17" s="212"/>
      <c r="W17" s="212"/>
      <c r="X17" s="212"/>
      <c r="Y17" s="212"/>
      <c r="Z17" s="213"/>
      <c r="AA17" s="3"/>
      <c r="AB17" s="167"/>
      <c r="AC17" s="168"/>
      <c r="AD17" s="168"/>
      <c r="AE17" s="168"/>
      <c r="AF17" s="168"/>
      <c r="AG17" s="168"/>
      <c r="AH17" s="168"/>
      <c r="AI17" s="168"/>
      <c r="AJ17" s="168"/>
      <c r="AK17" s="168"/>
      <c r="AL17" s="168"/>
      <c r="AM17" s="168"/>
      <c r="AN17" s="168"/>
      <c r="AO17" s="168"/>
      <c r="AP17" s="168"/>
      <c r="AQ17" s="168"/>
      <c r="AR17" s="168"/>
      <c r="AS17" s="168"/>
      <c r="AT17" s="168"/>
      <c r="AU17" s="168"/>
      <c r="AV17" s="168"/>
      <c r="AW17" s="168"/>
      <c r="AX17" s="168"/>
      <c r="AY17" s="168"/>
      <c r="AZ17" s="168"/>
      <c r="BA17" s="169"/>
      <c r="BB17" s="3"/>
    </row>
    <row r="18" spans="1:54" ht="18.75" customHeight="1" thickBot="1" x14ac:dyDescent="0.25">
      <c r="A18" s="3"/>
      <c r="B18" s="298" t="s">
        <v>30</v>
      </c>
      <c r="C18" s="299"/>
      <c r="D18" s="299"/>
      <c r="E18" s="299"/>
      <c r="F18" s="300"/>
      <c r="G18" s="233" t="s">
        <v>99</v>
      </c>
      <c r="H18" s="234"/>
      <c r="I18" s="265" t="s">
        <v>98</v>
      </c>
      <c r="J18" s="265"/>
      <c r="K18" s="265"/>
      <c r="L18" s="265"/>
      <c r="M18" s="265"/>
      <c r="N18" s="265"/>
      <c r="O18" s="265"/>
      <c r="P18" s="265"/>
      <c r="Q18" s="265"/>
      <c r="R18" s="265"/>
      <c r="S18" s="266"/>
      <c r="T18" s="233" t="s">
        <v>99</v>
      </c>
      <c r="U18" s="234"/>
      <c r="V18" s="265" t="s">
        <v>100</v>
      </c>
      <c r="W18" s="265"/>
      <c r="X18" s="265"/>
      <c r="Y18" s="265"/>
      <c r="Z18" s="267"/>
      <c r="AA18" s="3"/>
      <c r="AB18" s="41" t="s">
        <v>93</v>
      </c>
      <c r="AC18" s="42"/>
      <c r="AD18" s="42"/>
      <c r="AE18" s="42"/>
      <c r="AF18" s="42"/>
      <c r="AG18" s="42"/>
      <c r="AH18" s="42"/>
      <c r="AI18" s="42"/>
      <c r="AJ18" s="42"/>
      <c r="AK18" s="42"/>
      <c r="AL18" s="42"/>
      <c r="AM18" s="42"/>
      <c r="AN18" s="42"/>
      <c r="AO18" s="42"/>
      <c r="AP18" s="42"/>
      <c r="AQ18" s="42"/>
      <c r="AR18" s="42"/>
      <c r="AS18" s="42" t="s">
        <v>46</v>
      </c>
      <c r="AT18" s="42"/>
      <c r="AU18" s="42"/>
      <c r="AV18" s="42"/>
      <c r="AW18" s="42"/>
      <c r="AX18" s="42"/>
      <c r="AY18" s="42"/>
      <c r="AZ18" s="42"/>
      <c r="BA18" s="43"/>
      <c r="BB18" s="3"/>
    </row>
    <row r="19" spans="1:54" ht="18.75" customHeight="1" x14ac:dyDescent="0.2">
      <c r="A19" s="3"/>
      <c r="B19" s="226" t="s">
        <v>31</v>
      </c>
      <c r="C19" s="219"/>
      <c r="D19" s="220"/>
      <c r="E19" s="218" t="s">
        <v>32</v>
      </c>
      <c r="F19" s="219"/>
      <c r="G19" s="219"/>
      <c r="H19" s="219"/>
      <c r="I19" s="219"/>
      <c r="J19" s="219"/>
      <c r="K19" s="219"/>
      <c r="L19" s="219"/>
      <c r="M19" s="219"/>
      <c r="N19" s="230" t="s">
        <v>81</v>
      </c>
      <c r="O19" s="231"/>
      <c r="P19" s="231"/>
      <c r="Q19" s="254"/>
      <c r="R19" s="218" t="s">
        <v>73</v>
      </c>
      <c r="S19" s="219"/>
      <c r="T19" s="219"/>
      <c r="U19" s="219"/>
      <c r="V19" s="220"/>
      <c r="W19" s="270" t="s">
        <v>82</v>
      </c>
      <c r="X19" s="270"/>
      <c r="Y19" s="270"/>
      <c r="Z19" s="271"/>
      <c r="AA19" s="3"/>
      <c r="AB19" s="144" t="s">
        <v>48</v>
      </c>
      <c r="AC19" s="145"/>
      <c r="AD19" s="145"/>
      <c r="AE19" s="145"/>
      <c r="AF19" s="42"/>
      <c r="AG19" s="172" t="s">
        <v>103</v>
      </c>
      <c r="AH19" s="172"/>
      <c r="AI19" s="172"/>
      <c r="AJ19" s="172" t="s">
        <v>0</v>
      </c>
      <c r="AK19" s="172"/>
      <c r="AL19" s="172" t="s">
        <v>1</v>
      </c>
      <c r="AM19" s="172"/>
      <c r="AN19" s="172" t="s">
        <v>59</v>
      </c>
      <c r="AO19" s="172" t="s">
        <v>102</v>
      </c>
      <c r="AP19" s="172" t="s">
        <v>103</v>
      </c>
      <c r="AQ19" s="172"/>
      <c r="AR19" s="172"/>
      <c r="AS19" s="172" t="s">
        <v>0</v>
      </c>
      <c r="AT19" s="172"/>
      <c r="AU19" s="172" t="s">
        <v>1</v>
      </c>
      <c r="AV19" s="172"/>
      <c r="AW19" s="172" t="s">
        <v>59</v>
      </c>
      <c r="AX19" s="42"/>
      <c r="AY19" s="42"/>
      <c r="AZ19" s="42"/>
      <c r="BA19" s="43"/>
      <c r="BB19" s="3"/>
    </row>
    <row r="20" spans="1:54" ht="18.75" customHeight="1" thickBot="1" x14ac:dyDescent="0.25">
      <c r="A20" s="3"/>
      <c r="B20" s="306"/>
      <c r="C20" s="307"/>
      <c r="D20" s="308"/>
      <c r="E20" s="44" t="s">
        <v>68</v>
      </c>
      <c r="F20" s="45"/>
      <c r="G20" s="45"/>
      <c r="H20" s="45"/>
      <c r="I20" s="45"/>
      <c r="J20" s="45" t="s">
        <v>68</v>
      </c>
      <c r="K20" s="45"/>
      <c r="L20" s="45"/>
      <c r="M20" s="45"/>
      <c r="N20" s="246"/>
      <c r="O20" s="247"/>
      <c r="P20" s="247"/>
      <c r="Q20" s="248"/>
      <c r="R20" s="250"/>
      <c r="S20" s="251"/>
      <c r="T20" s="251"/>
      <c r="U20" s="251"/>
      <c r="V20" s="252"/>
      <c r="W20" s="222"/>
      <c r="X20" s="222"/>
      <c r="Y20" s="222"/>
      <c r="Z20" s="223"/>
      <c r="AA20" s="3"/>
      <c r="AB20" s="135"/>
      <c r="AC20" s="136"/>
      <c r="AD20" s="136"/>
      <c r="AE20" s="136"/>
      <c r="AF20" s="97"/>
      <c r="AG20" s="173"/>
      <c r="AH20" s="173"/>
      <c r="AI20" s="173"/>
      <c r="AJ20" s="173"/>
      <c r="AK20" s="173"/>
      <c r="AL20" s="173"/>
      <c r="AM20" s="173"/>
      <c r="AN20" s="173"/>
      <c r="AO20" s="173"/>
      <c r="AP20" s="173"/>
      <c r="AQ20" s="173"/>
      <c r="AR20" s="173"/>
      <c r="AS20" s="173"/>
      <c r="AT20" s="173"/>
      <c r="AU20" s="173"/>
      <c r="AV20" s="173"/>
      <c r="AW20" s="173"/>
      <c r="AX20" s="84"/>
      <c r="AY20" s="84"/>
      <c r="AZ20" s="84"/>
      <c r="BA20" s="37"/>
      <c r="BB20" s="3"/>
    </row>
    <row r="21" spans="1:54" ht="18.75" customHeight="1" x14ac:dyDescent="0.2">
      <c r="A21" s="3"/>
      <c r="B21" s="306"/>
      <c r="C21" s="307"/>
      <c r="D21" s="308"/>
      <c r="E21" s="87"/>
      <c r="F21" s="88" t="s">
        <v>0</v>
      </c>
      <c r="G21" s="88"/>
      <c r="H21" s="171" t="s">
        <v>96</v>
      </c>
      <c r="I21" s="171"/>
      <c r="J21" s="88"/>
      <c r="K21" s="88" t="s">
        <v>0</v>
      </c>
      <c r="L21" s="88"/>
      <c r="M21" s="89" t="s">
        <v>1</v>
      </c>
      <c r="N21" s="238"/>
      <c r="O21" s="171"/>
      <c r="P21" s="171"/>
      <c r="Q21" s="249"/>
      <c r="R21" s="253"/>
      <c r="S21" s="236"/>
      <c r="T21" s="236"/>
      <c r="U21" s="236"/>
      <c r="V21" s="237"/>
      <c r="W21" s="224"/>
      <c r="X21" s="224"/>
      <c r="Y21" s="224"/>
      <c r="Z21" s="225"/>
      <c r="AA21" s="3"/>
      <c r="AB21" s="51" t="s">
        <v>56</v>
      </c>
      <c r="AC21" s="42"/>
      <c r="AD21" s="42"/>
      <c r="AE21" s="42"/>
      <c r="AF21" s="42"/>
      <c r="AG21" s="42"/>
      <c r="AH21" s="42"/>
      <c r="AI21" s="42"/>
      <c r="AJ21" s="42"/>
      <c r="AK21" s="42"/>
      <c r="AL21" s="42"/>
      <c r="AM21" s="42"/>
      <c r="AN21" s="42"/>
      <c r="AO21" s="42"/>
      <c r="AP21" s="42"/>
      <c r="AQ21" s="42"/>
      <c r="AR21" s="42"/>
      <c r="AS21" s="42"/>
      <c r="AT21" s="42"/>
      <c r="AU21" s="42"/>
      <c r="AV21" s="42"/>
      <c r="AW21" s="42"/>
      <c r="AX21" s="42"/>
      <c r="AY21" s="42"/>
      <c r="AZ21" s="42"/>
      <c r="BA21" s="43"/>
      <c r="BB21" s="3"/>
    </row>
    <row r="22" spans="1:54" ht="18.75" customHeight="1" x14ac:dyDescent="0.2">
      <c r="A22" s="3"/>
      <c r="B22" s="306"/>
      <c r="C22" s="307"/>
      <c r="D22" s="308"/>
      <c r="E22" s="44" t="s">
        <v>68</v>
      </c>
      <c r="F22" s="46"/>
      <c r="G22" s="46"/>
      <c r="H22" s="46"/>
      <c r="I22" s="46"/>
      <c r="J22" s="45" t="s">
        <v>68</v>
      </c>
      <c r="K22" s="46"/>
      <c r="L22" s="46"/>
      <c r="M22" s="46"/>
      <c r="N22" s="246"/>
      <c r="O22" s="247"/>
      <c r="P22" s="247"/>
      <c r="Q22" s="248"/>
      <c r="R22" s="250"/>
      <c r="S22" s="251"/>
      <c r="T22" s="251"/>
      <c r="U22" s="251"/>
      <c r="V22" s="252"/>
      <c r="W22" s="222"/>
      <c r="X22" s="222"/>
      <c r="Y22" s="222"/>
      <c r="Z22" s="223"/>
      <c r="AA22" s="3"/>
      <c r="AB22" s="163" t="s">
        <v>66</v>
      </c>
      <c r="AC22" s="150"/>
      <c r="AD22" s="150"/>
      <c r="AE22" s="150"/>
      <c r="AF22" s="150"/>
      <c r="AG22" s="107" t="s">
        <v>23</v>
      </c>
      <c r="AH22" s="151" t="s">
        <v>87</v>
      </c>
      <c r="AI22" s="151"/>
      <c r="AJ22" s="151"/>
      <c r="AK22" s="151"/>
      <c r="AL22" s="151"/>
      <c r="AM22" s="151"/>
      <c r="AN22" s="151"/>
      <c r="AO22" s="151"/>
      <c r="AP22" s="151"/>
      <c r="AQ22" s="151"/>
      <c r="AR22" s="151"/>
      <c r="AS22" s="151"/>
      <c r="AT22" s="151"/>
      <c r="AU22" s="151"/>
      <c r="AV22" s="151"/>
      <c r="AW22" s="151"/>
      <c r="AX22" s="151"/>
      <c r="AY22" s="151"/>
      <c r="AZ22" s="151"/>
      <c r="BA22" s="152"/>
      <c r="BB22" s="3"/>
    </row>
    <row r="23" spans="1:54" ht="18.75" customHeight="1" x14ac:dyDescent="0.2">
      <c r="A23" s="3"/>
      <c r="B23" s="306"/>
      <c r="C23" s="307"/>
      <c r="D23" s="308"/>
      <c r="E23" s="87"/>
      <c r="F23" s="88" t="s">
        <v>0</v>
      </c>
      <c r="G23" s="88"/>
      <c r="H23" s="171" t="s">
        <v>96</v>
      </c>
      <c r="I23" s="171"/>
      <c r="J23" s="88"/>
      <c r="K23" s="88" t="s">
        <v>0</v>
      </c>
      <c r="L23" s="88"/>
      <c r="M23" s="89" t="s">
        <v>1</v>
      </c>
      <c r="N23" s="238"/>
      <c r="O23" s="171"/>
      <c r="P23" s="171"/>
      <c r="Q23" s="249"/>
      <c r="R23" s="253"/>
      <c r="S23" s="236"/>
      <c r="T23" s="236"/>
      <c r="U23" s="236"/>
      <c r="V23" s="237"/>
      <c r="W23" s="224"/>
      <c r="X23" s="224"/>
      <c r="Y23" s="224"/>
      <c r="Z23" s="225"/>
      <c r="AA23" s="3"/>
      <c r="AB23" s="310" t="s">
        <v>65</v>
      </c>
      <c r="AC23" s="311"/>
      <c r="AD23" s="311"/>
      <c r="AE23" s="311"/>
      <c r="AF23" s="311"/>
      <c r="AG23" s="311"/>
      <c r="AH23" s="311"/>
      <c r="AI23" s="312"/>
      <c r="AJ23" s="311" t="s">
        <v>49</v>
      </c>
      <c r="AK23" s="311"/>
      <c r="AL23" s="311"/>
      <c r="AM23" s="311"/>
      <c r="AN23" s="311"/>
      <c r="AO23" s="311"/>
      <c r="AP23" s="311"/>
      <c r="AQ23" s="311"/>
      <c r="AR23" s="311"/>
      <c r="AS23" s="311"/>
      <c r="AT23" s="311"/>
      <c r="AU23" s="311"/>
      <c r="AV23" s="311"/>
      <c r="AW23" s="311"/>
      <c r="AX23" s="311"/>
      <c r="AY23" s="311"/>
      <c r="AZ23" s="311"/>
      <c r="BA23" s="316"/>
      <c r="BB23" s="3"/>
    </row>
    <row r="24" spans="1:54" ht="18.75" customHeight="1" x14ac:dyDescent="0.2">
      <c r="A24" s="3"/>
      <c r="B24" s="306"/>
      <c r="C24" s="307"/>
      <c r="D24" s="308"/>
      <c r="E24" s="44" t="s">
        <v>68</v>
      </c>
      <c r="F24" s="46"/>
      <c r="G24" s="46"/>
      <c r="H24" s="46"/>
      <c r="I24" s="46"/>
      <c r="J24" s="45" t="s">
        <v>68</v>
      </c>
      <c r="K24" s="46"/>
      <c r="L24" s="46"/>
      <c r="M24" s="46"/>
      <c r="N24" s="246"/>
      <c r="O24" s="247"/>
      <c r="P24" s="247"/>
      <c r="Q24" s="248"/>
      <c r="R24" s="250"/>
      <c r="S24" s="251"/>
      <c r="T24" s="251"/>
      <c r="U24" s="251"/>
      <c r="V24" s="252"/>
      <c r="W24" s="222"/>
      <c r="X24" s="222"/>
      <c r="Y24" s="222"/>
      <c r="Z24" s="223"/>
      <c r="AA24" s="3"/>
      <c r="AB24" s="313" t="s">
        <v>60</v>
      </c>
      <c r="AC24" s="314"/>
      <c r="AD24" s="314"/>
      <c r="AE24" s="314"/>
      <c r="AF24" s="314"/>
      <c r="AG24" s="314"/>
      <c r="AH24" s="314"/>
      <c r="AI24" s="315"/>
      <c r="AJ24" s="159" t="s">
        <v>51</v>
      </c>
      <c r="AK24" s="159"/>
      <c r="AL24" s="159"/>
      <c r="AM24" s="159"/>
      <c r="AN24" s="159"/>
      <c r="AO24" s="159"/>
      <c r="AP24" s="159"/>
      <c r="AQ24" s="159"/>
      <c r="AR24" s="159"/>
      <c r="AS24" s="159"/>
      <c r="AT24" s="159"/>
      <c r="AU24" s="159"/>
      <c r="AV24" s="159"/>
      <c r="AW24" s="159"/>
      <c r="AX24" s="159"/>
      <c r="AY24" s="159"/>
      <c r="AZ24" s="159"/>
      <c r="BA24" s="160"/>
      <c r="BB24" s="3"/>
    </row>
    <row r="25" spans="1:54" ht="18.75" customHeight="1" x14ac:dyDescent="0.2">
      <c r="A25" s="3"/>
      <c r="B25" s="306"/>
      <c r="C25" s="307"/>
      <c r="D25" s="308"/>
      <c r="E25" s="87"/>
      <c r="F25" s="88" t="s">
        <v>0</v>
      </c>
      <c r="G25" s="88"/>
      <c r="H25" s="171" t="s">
        <v>96</v>
      </c>
      <c r="I25" s="171"/>
      <c r="J25" s="88"/>
      <c r="K25" s="88" t="s">
        <v>0</v>
      </c>
      <c r="L25" s="88"/>
      <c r="M25" s="89" t="s">
        <v>1</v>
      </c>
      <c r="N25" s="238"/>
      <c r="O25" s="171"/>
      <c r="P25" s="171"/>
      <c r="Q25" s="249"/>
      <c r="R25" s="253"/>
      <c r="S25" s="236"/>
      <c r="T25" s="236"/>
      <c r="U25" s="236"/>
      <c r="V25" s="237"/>
      <c r="W25" s="224"/>
      <c r="X25" s="224"/>
      <c r="Y25" s="224"/>
      <c r="Z25" s="225"/>
      <c r="AA25" s="3"/>
      <c r="AB25" s="119" t="s">
        <v>61</v>
      </c>
      <c r="AC25" s="120"/>
      <c r="AD25" s="120"/>
      <c r="AE25" s="120"/>
      <c r="AF25" s="120"/>
      <c r="AG25" s="120"/>
      <c r="AH25" s="120"/>
      <c r="AI25" s="121"/>
      <c r="AJ25" s="161" t="s">
        <v>52</v>
      </c>
      <c r="AK25" s="161"/>
      <c r="AL25" s="161"/>
      <c r="AM25" s="161"/>
      <c r="AN25" s="161"/>
      <c r="AO25" s="161"/>
      <c r="AP25" s="161"/>
      <c r="AQ25" s="161"/>
      <c r="AR25" s="161"/>
      <c r="AS25" s="161"/>
      <c r="AT25" s="161"/>
      <c r="AU25" s="161"/>
      <c r="AV25" s="161"/>
      <c r="AW25" s="161"/>
      <c r="AX25" s="161"/>
      <c r="AY25" s="161"/>
      <c r="AZ25" s="161"/>
      <c r="BA25" s="162"/>
      <c r="BB25" s="3"/>
    </row>
    <row r="26" spans="1:54" ht="18.75" customHeight="1" x14ac:dyDescent="0.2">
      <c r="A26" s="3"/>
      <c r="B26" s="306"/>
      <c r="C26" s="307"/>
      <c r="D26" s="308"/>
      <c r="E26" s="44" t="s">
        <v>68</v>
      </c>
      <c r="F26" s="46"/>
      <c r="G26" s="46"/>
      <c r="H26" s="46"/>
      <c r="I26" s="46"/>
      <c r="J26" s="45" t="s">
        <v>68</v>
      </c>
      <c r="K26" s="46"/>
      <c r="L26" s="46"/>
      <c r="M26" s="46"/>
      <c r="N26" s="246"/>
      <c r="O26" s="247"/>
      <c r="P26" s="247"/>
      <c r="Q26" s="248"/>
      <c r="R26" s="250"/>
      <c r="S26" s="251"/>
      <c r="T26" s="251"/>
      <c r="U26" s="251"/>
      <c r="V26" s="252"/>
      <c r="W26" s="222"/>
      <c r="X26" s="222"/>
      <c r="Y26" s="222"/>
      <c r="Z26" s="223"/>
      <c r="AA26" s="3"/>
      <c r="AB26" s="122"/>
      <c r="AC26" s="123"/>
      <c r="AD26" s="123"/>
      <c r="AE26" s="123"/>
      <c r="AF26" s="123"/>
      <c r="AG26" s="123"/>
      <c r="AH26" s="123"/>
      <c r="AI26" s="124"/>
      <c r="AJ26" s="117" t="s">
        <v>53</v>
      </c>
      <c r="AK26" s="117"/>
      <c r="AL26" s="117"/>
      <c r="AM26" s="117"/>
      <c r="AN26" s="117"/>
      <c r="AO26" s="117"/>
      <c r="AP26" s="117"/>
      <c r="AQ26" s="117"/>
      <c r="AR26" s="117"/>
      <c r="AS26" s="117"/>
      <c r="AT26" s="117"/>
      <c r="AU26" s="117"/>
      <c r="AV26" s="117"/>
      <c r="AW26" s="117"/>
      <c r="AX26" s="117"/>
      <c r="AY26" s="117"/>
      <c r="AZ26" s="117"/>
      <c r="BA26" s="118"/>
      <c r="BB26" s="3"/>
    </row>
    <row r="27" spans="1:54" ht="18.75" customHeight="1" x14ac:dyDescent="0.2">
      <c r="A27" s="3"/>
      <c r="B27" s="306"/>
      <c r="C27" s="307"/>
      <c r="D27" s="308"/>
      <c r="E27" s="87"/>
      <c r="F27" s="88" t="s">
        <v>0</v>
      </c>
      <c r="G27" s="88"/>
      <c r="H27" s="171" t="s">
        <v>96</v>
      </c>
      <c r="I27" s="171"/>
      <c r="J27" s="88"/>
      <c r="K27" s="88" t="s">
        <v>0</v>
      </c>
      <c r="L27" s="88"/>
      <c r="M27" s="89" t="s">
        <v>1</v>
      </c>
      <c r="N27" s="238"/>
      <c r="O27" s="171"/>
      <c r="P27" s="171"/>
      <c r="Q27" s="249"/>
      <c r="R27" s="253"/>
      <c r="S27" s="236"/>
      <c r="T27" s="236"/>
      <c r="U27" s="236"/>
      <c r="V27" s="237"/>
      <c r="W27" s="224"/>
      <c r="X27" s="224"/>
      <c r="Y27" s="224"/>
      <c r="Z27" s="225"/>
      <c r="AA27" s="3"/>
      <c r="AB27" s="125"/>
      <c r="AC27" s="126"/>
      <c r="AD27" s="126"/>
      <c r="AE27" s="126"/>
      <c r="AF27" s="126"/>
      <c r="AG27" s="126"/>
      <c r="AH27" s="126"/>
      <c r="AI27" s="127"/>
      <c r="AJ27" s="321" t="s">
        <v>54</v>
      </c>
      <c r="AK27" s="321"/>
      <c r="AL27" s="321"/>
      <c r="AM27" s="321"/>
      <c r="AN27" s="321"/>
      <c r="AO27" s="321"/>
      <c r="AP27" s="321"/>
      <c r="AQ27" s="321"/>
      <c r="AR27" s="321"/>
      <c r="AS27" s="321"/>
      <c r="AT27" s="321"/>
      <c r="AU27" s="321"/>
      <c r="AV27" s="321"/>
      <c r="AW27" s="321"/>
      <c r="AX27" s="321"/>
      <c r="AY27" s="321"/>
      <c r="AZ27" s="321"/>
      <c r="BA27" s="322"/>
      <c r="BB27" s="3"/>
    </row>
    <row r="28" spans="1:54" ht="18.75" customHeight="1" x14ac:dyDescent="0.2">
      <c r="A28" s="3"/>
      <c r="B28" s="306"/>
      <c r="C28" s="307"/>
      <c r="D28" s="308"/>
      <c r="E28" s="44" t="s">
        <v>68</v>
      </c>
      <c r="F28" s="46"/>
      <c r="G28" s="46"/>
      <c r="H28" s="46"/>
      <c r="I28" s="46"/>
      <c r="J28" s="45" t="s">
        <v>68</v>
      </c>
      <c r="K28" s="46"/>
      <c r="L28" s="46"/>
      <c r="M28" s="46"/>
      <c r="N28" s="246"/>
      <c r="O28" s="247"/>
      <c r="P28" s="247"/>
      <c r="Q28" s="248"/>
      <c r="R28" s="250"/>
      <c r="S28" s="251"/>
      <c r="T28" s="251"/>
      <c r="U28" s="251"/>
      <c r="V28" s="252"/>
      <c r="W28" s="222"/>
      <c r="X28" s="222"/>
      <c r="Y28" s="222"/>
      <c r="Z28" s="223"/>
      <c r="AA28" s="3"/>
      <c r="AB28" s="128" t="s">
        <v>62</v>
      </c>
      <c r="AC28" s="129"/>
      <c r="AD28" s="129"/>
      <c r="AE28" s="129"/>
      <c r="AF28" s="129"/>
      <c r="AG28" s="129"/>
      <c r="AH28" s="129"/>
      <c r="AI28" s="130"/>
      <c r="AJ28" s="117" t="s">
        <v>55</v>
      </c>
      <c r="AK28" s="117"/>
      <c r="AL28" s="117"/>
      <c r="AM28" s="117"/>
      <c r="AN28" s="117"/>
      <c r="AO28" s="117"/>
      <c r="AP28" s="117"/>
      <c r="AQ28" s="117"/>
      <c r="AR28" s="117"/>
      <c r="AS28" s="117"/>
      <c r="AT28" s="117"/>
      <c r="AU28" s="117"/>
      <c r="AV28" s="117"/>
      <c r="AW28" s="117"/>
      <c r="AX28" s="117"/>
      <c r="AY28" s="117"/>
      <c r="AZ28" s="117"/>
      <c r="BA28" s="118"/>
      <c r="BB28" s="3"/>
    </row>
    <row r="29" spans="1:54" ht="18.75" customHeight="1" x14ac:dyDescent="0.2">
      <c r="A29" s="3"/>
      <c r="B29" s="306"/>
      <c r="C29" s="307"/>
      <c r="D29" s="308"/>
      <c r="E29" s="87"/>
      <c r="F29" s="88" t="s">
        <v>0</v>
      </c>
      <c r="G29" s="88"/>
      <c r="H29" s="171" t="s">
        <v>96</v>
      </c>
      <c r="I29" s="171"/>
      <c r="J29" s="88"/>
      <c r="K29" s="88" t="s">
        <v>0</v>
      </c>
      <c r="L29" s="88"/>
      <c r="M29" s="89" t="s">
        <v>1</v>
      </c>
      <c r="N29" s="238"/>
      <c r="O29" s="171"/>
      <c r="P29" s="171"/>
      <c r="Q29" s="249"/>
      <c r="R29" s="253"/>
      <c r="S29" s="236"/>
      <c r="T29" s="236"/>
      <c r="U29" s="236"/>
      <c r="V29" s="237"/>
      <c r="W29" s="224"/>
      <c r="X29" s="224"/>
      <c r="Y29" s="224"/>
      <c r="Z29" s="225"/>
      <c r="AA29" s="3"/>
      <c r="AB29" s="319" t="s">
        <v>64</v>
      </c>
      <c r="AC29" s="320"/>
      <c r="AD29" s="320"/>
      <c r="AE29" s="320"/>
      <c r="AF29" s="320"/>
      <c r="AG29" s="86" t="s">
        <v>58</v>
      </c>
      <c r="AH29" s="86"/>
      <c r="AI29" s="35" t="s">
        <v>59</v>
      </c>
      <c r="AJ29" s="149"/>
      <c r="AK29" s="150"/>
      <c r="AL29" s="150"/>
      <c r="AM29" s="150"/>
      <c r="AN29" s="150"/>
      <c r="AO29" s="150"/>
      <c r="AP29" s="150"/>
      <c r="AQ29" s="150"/>
      <c r="AR29" s="150"/>
      <c r="AS29" s="151"/>
      <c r="AT29" s="151"/>
      <c r="AU29" s="151"/>
      <c r="AV29" s="151"/>
      <c r="AW29" s="151"/>
      <c r="AX29" s="151"/>
      <c r="AY29" s="151"/>
      <c r="AZ29" s="151"/>
      <c r="BA29" s="152"/>
      <c r="BB29" s="3"/>
    </row>
    <row r="30" spans="1:54" ht="18.75" customHeight="1" x14ac:dyDescent="0.2">
      <c r="A30" s="3"/>
      <c r="B30" s="301"/>
      <c r="C30" s="151"/>
      <c r="D30" s="302"/>
      <c r="E30" s="44" t="s">
        <v>68</v>
      </c>
      <c r="F30" s="46"/>
      <c r="G30" s="46"/>
      <c r="H30" s="46"/>
      <c r="I30" s="46"/>
      <c r="J30" s="45" t="s">
        <v>68</v>
      </c>
      <c r="K30" s="46"/>
      <c r="L30" s="46"/>
      <c r="M30" s="46"/>
      <c r="N30" s="246"/>
      <c r="O30" s="247"/>
      <c r="P30" s="247"/>
      <c r="Q30" s="248"/>
      <c r="R30" s="250"/>
      <c r="S30" s="251"/>
      <c r="T30" s="251"/>
      <c r="U30" s="251"/>
      <c r="V30" s="252"/>
      <c r="W30" s="222"/>
      <c r="X30" s="222"/>
      <c r="Y30" s="222"/>
      <c r="Z30" s="223"/>
      <c r="AA30" s="3"/>
      <c r="AB30" s="317" t="s">
        <v>72</v>
      </c>
      <c r="AC30" s="318"/>
      <c r="AD30" s="318"/>
      <c r="AE30" s="318"/>
      <c r="AF30" s="318"/>
      <c r="AG30" s="318"/>
      <c r="AH30" s="318"/>
      <c r="AI30" s="318"/>
      <c r="AJ30" s="151" t="s">
        <v>71</v>
      </c>
      <c r="AK30" s="151"/>
      <c r="AL30" s="151"/>
      <c r="AM30" s="151"/>
      <c r="AN30" s="151"/>
      <c r="AO30" s="151"/>
      <c r="AP30" s="151"/>
      <c r="AQ30" s="151"/>
      <c r="AR30" s="151"/>
      <c r="AS30" s="151"/>
      <c r="AT30" s="151"/>
      <c r="AU30" s="151"/>
      <c r="AV30" s="55"/>
      <c r="AW30" s="55"/>
      <c r="AX30" s="55"/>
      <c r="AY30" s="55"/>
      <c r="AZ30" s="55"/>
      <c r="BA30" s="56"/>
    </row>
    <row r="31" spans="1:54" ht="18.75" customHeight="1" thickBot="1" x14ac:dyDescent="0.25">
      <c r="A31" s="3"/>
      <c r="B31" s="303"/>
      <c r="C31" s="304"/>
      <c r="D31" s="305"/>
      <c r="E31" s="90"/>
      <c r="F31" s="91" t="s">
        <v>0</v>
      </c>
      <c r="G31" s="91"/>
      <c r="H31" s="173" t="s">
        <v>96</v>
      </c>
      <c r="I31" s="173"/>
      <c r="J31" s="91"/>
      <c r="K31" s="91" t="s">
        <v>0</v>
      </c>
      <c r="L31" s="91"/>
      <c r="M31" s="92" t="s">
        <v>1</v>
      </c>
      <c r="N31" s="255"/>
      <c r="O31" s="173"/>
      <c r="P31" s="173"/>
      <c r="Q31" s="256"/>
      <c r="R31" s="257"/>
      <c r="S31" s="258"/>
      <c r="T31" s="258"/>
      <c r="U31" s="258"/>
      <c r="V31" s="259"/>
      <c r="W31" s="268"/>
      <c r="X31" s="268"/>
      <c r="Y31" s="268"/>
      <c r="Z31" s="269"/>
      <c r="AA31" s="3"/>
      <c r="AB31" s="155" t="s">
        <v>63</v>
      </c>
      <c r="AC31" s="156"/>
      <c r="AD31" s="156"/>
      <c r="AE31" s="156"/>
      <c r="AF31" s="156"/>
      <c r="AG31" s="108" t="s">
        <v>23</v>
      </c>
      <c r="AH31" s="131" t="s">
        <v>104</v>
      </c>
      <c r="AI31" s="131"/>
      <c r="AJ31" s="108" t="s">
        <v>105</v>
      </c>
      <c r="AK31" s="109" t="s">
        <v>106</v>
      </c>
      <c r="AL31" s="109"/>
      <c r="AM31" s="108" t="s">
        <v>107</v>
      </c>
      <c r="AN31" s="131"/>
      <c r="AO31" s="131"/>
      <c r="AP31" s="131"/>
      <c r="AQ31" s="131"/>
      <c r="AR31" s="131"/>
      <c r="AS31" s="109" t="s">
        <v>108</v>
      </c>
      <c r="AT31" s="109"/>
      <c r="AU31" s="153"/>
      <c r="AV31" s="153"/>
      <c r="AW31" s="153"/>
      <c r="AX31" s="153"/>
      <c r="AY31" s="153"/>
      <c r="AZ31" s="153"/>
      <c r="BA31" s="154"/>
    </row>
    <row r="32" spans="1:54" ht="18.75" customHeight="1" x14ac:dyDescent="0.2">
      <c r="A32" s="3"/>
      <c r="B32" s="240" t="s">
        <v>34</v>
      </c>
      <c r="C32" s="241"/>
      <c r="D32" s="241"/>
      <c r="E32" s="241"/>
      <c r="F32" s="242"/>
      <c r="G32" s="233" t="s">
        <v>99</v>
      </c>
      <c r="H32" s="234"/>
      <c r="I32" s="235" t="s">
        <v>98</v>
      </c>
      <c r="J32" s="236"/>
      <c r="K32" s="236"/>
      <c r="L32" s="236"/>
      <c r="M32" s="236"/>
      <c r="N32" s="236"/>
      <c r="O32" s="236"/>
      <c r="P32" s="236"/>
      <c r="Q32" s="236"/>
      <c r="R32" s="236"/>
      <c r="S32" s="237"/>
      <c r="T32" s="238" t="s">
        <v>99</v>
      </c>
      <c r="U32" s="171"/>
      <c r="V32" s="236" t="s">
        <v>100</v>
      </c>
      <c r="W32" s="236"/>
      <c r="X32" s="236"/>
      <c r="Y32" s="236"/>
      <c r="Z32" s="239"/>
      <c r="AA32" s="3"/>
      <c r="AB32" s="144" t="s">
        <v>94</v>
      </c>
      <c r="AC32" s="145"/>
      <c r="AD32" s="145"/>
      <c r="AE32" s="145"/>
      <c r="AF32" s="145"/>
      <c r="AG32" s="145"/>
      <c r="AH32" s="145"/>
      <c r="AI32" s="145"/>
      <c r="AJ32" s="145"/>
      <c r="AK32" s="145"/>
      <c r="AL32" s="145"/>
      <c r="AM32" s="145"/>
      <c r="AN32" s="145"/>
      <c r="AO32" s="145"/>
      <c r="AP32" s="145"/>
      <c r="AQ32" s="145"/>
      <c r="AR32" s="145"/>
      <c r="AS32" s="145"/>
      <c r="AT32" s="145"/>
      <c r="AU32" s="145"/>
      <c r="AV32" s="145"/>
      <c r="AW32" s="145"/>
      <c r="AX32" s="145"/>
      <c r="AY32" s="145"/>
      <c r="AZ32" s="145"/>
      <c r="BA32" s="146"/>
    </row>
    <row r="33" spans="1:54" ht="18.75" customHeight="1" x14ac:dyDescent="0.2">
      <c r="A33" s="3"/>
      <c r="B33" s="226" t="s">
        <v>32</v>
      </c>
      <c r="C33" s="219"/>
      <c r="D33" s="219"/>
      <c r="E33" s="219"/>
      <c r="F33" s="219"/>
      <c r="G33" s="219"/>
      <c r="H33" s="219"/>
      <c r="I33" s="220"/>
      <c r="J33" s="218" t="s">
        <v>35</v>
      </c>
      <c r="K33" s="219"/>
      <c r="L33" s="219"/>
      <c r="M33" s="219"/>
      <c r="N33" s="220"/>
      <c r="O33" s="218" t="s">
        <v>38</v>
      </c>
      <c r="P33" s="219"/>
      <c r="Q33" s="219"/>
      <c r="R33" s="220"/>
      <c r="S33" s="218" t="s">
        <v>39</v>
      </c>
      <c r="T33" s="219"/>
      <c r="U33" s="220"/>
      <c r="V33" s="230" t="s">
        <v>44</v>
      </c>
      <c r="W33" s="231"/>
      <c r="X33" s="231"/>
      <c r="Y33" s="231"/>
      <c r="Z33" s="232"/>
      <c r="AA33" s="3"/>
      <c r="AB33" s="132"/>
      <c r="AC33" s="133"/>
      <c r="AD33" s="133"/>
      <c r="AE33" s="133"/>
      <c r="AF33" s="133"/>
      <c r="AG33" s="133"/>
      <c r="AH33" s="133"/>
      <c r="AI33" s="133"/>
      <c r="AJ33" s="133"/>
      <c r="AK33" s="133"/>
      <c r="AL33" s="133"/>
      <c r="AM33" s="133"/>
      <c r="AN33" s="133"/>
      <c r="AO33" s="133"/>
      <c r="AP33" s="133"/>
      <c r="AQ33" s="133"/>
      <c r="AR33" s="133"/>
      <c r="AS33" s="133"/>
      <c r="AT33" s="133"/>
      <c r="AU33" s="133"/>
      <c r="AV33" s="133"/>
      <c r="AW33" s="133"/>
      <c r="AX33" s="133"/>
      <c r="AY33" s="133"/>
      <c r="AZ33" s="133"/>
      <c r="BA33" s="134"/>
    </row>
    <row r="34" spans="1:54" ht="18.75" customHeight="1" x14ac:dyDescent="0.2">
      <c r="A34" s="3"/>
      <c r="B34" s="227" t="s">
        <v>69</v>
      </c>
      <c r="C34" s="228"/>
      <c r="D34" s="228"/>
      <c r="E34" s="228"/>
      <c r="F34" s="228"/>
      <c r="G34" s="228"/>
      <c r="H34" s="228"/>
      <c r="I34" s="229"/>
      <c r="J34" s="193"/>
      <c r="K34" s="194"/>
      <c r="L34" s="194"/>
      <c r="M34" s="194"/>
      <c r="N34" s="195"/>
      <c r="O34" s="193"/>
      <c r="P34" s="194"/>
      <c r="Q34" s="194"/>
      <c r="R34" s="195"/>
      <c r="S34" s="59" t="s">
        <v>42</v>
      </c>
      <c r="T34" s="60" t="s">
        <v>43</v>
      </c>
      <c r="U34" s="61"/>
      <c r="V34" s="44" t="s">
        <v>23</v>
      </c>
      <c r="W34" s="202" t="s">
        <v>67</v>
      </c>
      <c r="X34" s="202"/>
      <c r="Y34" s="202"/>
      <c r="Z34" s="203"/>
      <c r="AA34" s="3"/>
      <c r="AB34" s="132"/>
      <c r="AC34" s="133"/>
      <c r="AD34" s="133"/>
      <c r="AE34" s="133"/>
      <c r="AF34" s="133"/>
      <c r="AG34" s="133"/>
      <c r="AH34" s="133"/>
      <c r="AI34" s="133"/>
      <c r="AJ34" s="133"/>
      <c r="AK34" s="133"/>
      <c r="AL34" s="133"/>
      <c r="AM34" s="133"/>
      <c r="AN34" s="133"/>
      <c r="AO34" s="133"/>
      <c r="AP34" s="133"/>
      <c r="AQ34" s="133"/>
      <c r="AR34" s="133"/>
      <c r="AS34" s="133"/>
      <c r="AT34" s="133"/>
      <c r="AU34" s="133"/>
      <c r="AV34" s="133"/>
      <c r="AW34" s="133"/>
      <c r="AX34" s="133"/>
      <c r="AY34" s="133"/>
      <c r="AZ34" s="133"/>
      <c r="BA34" s="134"/>
    </row>
    <row r="35" spans="1:54" ht="18.75" customHeight="1" x14ac:dyDescent="0.2">
      <c r="A35" s="3"/>
      <c r="B35" s="101"/>
      <c r="C35" s="88" t="s">
        <v>0</v>
      </c>
      <c r="D35" s="88"/>
      <c r="E35" s="88" t="s">
        <v>96</v>
      </c>
      <c r="F35" s="88"/>
      <c r="G35" s="88" t="s">
        <v>0</v>
      </c>
      <c r="H35" s="88"/>
      <c r="I35" s="89" t="s">
        <v>1</v>
      </c>
      <c r="J35" s="196"/>
      <c r="K35" s="197"/>
      <c r="L35" s="197"/>
      <c r="M35" s="197"/>
      <c r="N35" s="198"/>
      <c r="O35" s="196"/>
      <c r="P35" s="197"/>
      <c r="Q35" s="197"/>
      <c r="R35" s="198"/>
      <c r="S35" s="59" t="s">
        <v>40</v>
      </c>
      <c r="T35" s="60" t="s">
        <v>41</v>
      </c>
      <c r="U35" s="61"/>
      <c r="V35" s="207" t="s">
        <v>45</v>
      </c>
      <c r="W35" s="208"/>
      <c r="X35" s="208"/>
      <c r="Y35" s="208"/>
      <c r="Z35" s="209"/>
      <c r="AA35" s="3"/>
      <c r="AB35" s="132"/>
      <c r="AC35" s="133"/>
      <c r="AD35" s="133"/>
      <c r="AE35" s="133"/>
      <c r="AF35" s="133"/>
      <c r="AG35" s="133"/>
      <c r="AH35" s="133"/>
      <c r="AI35" s="133"/>
      <c r="AJ35" s="133"/>
      <c r="AK35" s="133"/>
      <c r="AL35" s="133"/>
      <c r="AM35" s="133"/>
      <c r="AN35" s="133"/>
      <c r="AO35" s="133"/>
      <c r="AP35" s="133"/>
      <c r="AQ35" s="133"/>
      <c r="AR35" s="133"/>
      <c r="AS35" s="133"/>
      <c r="AT35" s="133"/>
      <c r="AU35" s="133"/>
      <c r="AV35" s="133"/>
      <c r="AW35" s="133"/>
      <c r="AX35" s="133"/>
      <c r="AY35" s="133"/>
      <c r="AZ35" s="133"/>
      <c r="BA35" s="134"/>
      <c r="BB35" s="3"/>
    </row>
    <row r="36" spans="1:54" ht="18.75" customHeight="1" x14ac:dyDescent="0.2">
      <c r="A36" s="3"/>
      <c r="B36" s="227" t="s">
        <v>69</v>
      </c>
      <c r="C36" s="228"/>
      <c r="D36" s="228"/>
      <c r="E36" s="228"/>
      <c r="F36" s="228"/>
      <c r="G36" s="228"/>
      <c r="H36" s="228"/>
      <c r="I36" s="229"/>
      <c r="J36" s="193"/>
      <c r="K36" s="194"/>
      <c r="L36" s="194"/>
      <c r="M36" s="194"/>
      <c r="N36" s="195"/>
      <c r="O36" s="193"/>
      <c r="P36" s="194"/>
      <c r="Q36" s="194"/>
      <c r="R36" s="195"/>
      <c r="S36" s="44" t="s">
        <v>42</v>
      </c>
      <c r="T36" s="81" t="s">
        <v>43</v>
      </c>
      <c r="U36" s="63"/>
      <c r="V36" s="44" t="s">
        <v>23</v>
      </c>
      <c r="W36" s="202" t="s">
        <v>67</v>
      </c>
      <c r="X36" s="202"/>
      <c r="Y36" s="202"/>
      <c r="Z36" s="203"/>
      <c r="AA36" s="3"/>
      <c r="AB36" s="132"/>
      <c r="AC36" s="133"/>
      <c r="AD36" s="133"/>
      <c r="AE36" s="133"/>
      <c r="AF36" s="133"/>
      <c r="AG36" s="133"/>
      <c r="AH36" s="133"/>
      <c r="AI36" s="133"/>
      <c r="AJ36" s="133"/>
      <c r="AK36" s="133"/>
      <c r="AL36" s="133"/>
      <c r="AM36" s="133"/>
      <c r="AN36" s="133"/>
      <c r="AO36" s="133"/>
      <c r="AP36" s="133"/>
      <c r="AQ36" s="133"/>
      <c r="AR36" s="133"/>
      <c r="AS36" s="133"/>
      <c r="AT36" s="133"/>
      <c r="AU36" s="133"/>
      <c r="AV36" s="133"/>
      <c r="AW36" s="133"/>
      <c r="AX36" s="133"/>
      <c r="AY36" s="133"/>
      <c r="AZ36" s="133"/>
      <c r="BA36" s="134"/>
      <c r="BB36" s="3"/>
    </row>
    <row r="37" spans="1:54" ht="18.75" customHeight="1" thickBot="1" x14ac:dyDescent="0.25">
      <c r="A37" s="3"/>
      <c r="B37" s="101"/>
      <c r="C37" s="88" t="s">
        <v>0</v>
      </c>
      <c r="D37" s="88"/>
      <c r="E37" s="88" t="s">
        <v>96</v>
      </c>
      <c r="F37" s="88"/>
      <c r="G37" s="88" t="s">
        <v>0</v>
      </c>
      <c r="H37" s="88"/>
      <c r="I37" s="89" t="s">
        <v>1</v>
      </c>
      <c r="J37" s="196"/>
      <c r="K37" s="197"/>
      <c r="L37" s="197"/>
      <c r="M37" s="197"/>
      <c r="N37" s="198"/>
      <c r="O37" s="196"/>
      <c r="P37" s="197"/>
      <c r="Q37" s="197"/>
      <c r="R37" s="198"/>
      <c r="S37" s="64" t="s">
        <v>40</v>
      </c>
      <c r="T37" s="65" t="s">
        <v>41</v>
      </c>
      <c r="U37" s="66"/>
      <c r="V37" s="207" t="s">
        <v>45</v>
      </c>
      <c r="W37" s="208"/>
      <c r="X37" s="208"/>
      <c r="Y37" s="208"/>
      <c r="Z37" s="209"/>
      <c r="AA37" s="3"/>
      <c r="AB37" s="135"/>
      <c r="AC37" s="136"/>
      <c r="AD37" s="136"/>
      <c r="AE37" s="136"/>
      <c r="AF37" s="136"/>
      <c r="AG37" s="136"/>
      <c r="AH37" s="136"/>
      <c r="AI37" s="136"/>
      <c r="AJ37" s="136"/>
      <c r="AK37" s="136"/>
      <c r="AL37" s="136"/>
      <c r="AM37" s="136"/>
      <c r="AN37" s="136"/>
      <c r="AO37" s="136"/>
      <c r="AP37" s="136"/>
      <c r="AQ37" s="136"/>
      <c r="AR37" s="136"/>
      <c r="AS37" s="136"/>
      <c r="AT37" s="136"/>
      <c r="AU37" s="136"/>
      <c r="AV37" s="136"/>
      <c r="AW37" s="136"/>
      <c r="AX37" s="136"/>
      <c r="AY37" s="136"/>
      <c r="AZ37" s="136"/>
      <c r="BA37" s="137"/>
      <c r="BB37" s="3"/>
    </row>
    <row r="38" spans="1:54" ht="18.75" customHeight="1" x14ac:dyDescent="0.2">
      <c r="A38" s="3"/>
      <c r="B38" s="227" t="s">
        <v>69</v>
      </c>
      <c r="C38" s="228"/>
      <c r="D38" s="228"/>
      <c r="E38" s="228"/>
      <c r="F38" s="228"/>
      <c r="G38" s="228"/>
      <c r="H38" s="228"/>
      <c r="I38" s="229"/>
      <c r="J38" s="193"/>
      <c r="K38" s="194"/>
      <c r="L38" s="194"/>
      <c r="M38" s="194"/>
      <c r="N38" s="195"/>
      <c r="O38" s="193"/>
      <c r="P38" s="194"/>
      <c r="Q38" s="194"/>
      <c r="R38" s="195"/>
      <c r="S38" s="59" t="s">
        <v>42</v>
      </c>
      <c r="T38" s="60" t="s">
        <v>43</v>
      </c>
      <c r="U38" s="61"/>
      <c r="V38" s="44" t="s">
        <v>23</v>
      </c>
      <c r="W38" s="202" t="s">
        <v>67</v>
      </c>
      <c r="X38" s="202"/>
      <c r="Y38" s="202"/>
      <c r="Z38" s="203"/>
      <c r="AA38" s="3"/>
      <c r="AB38" s="157" t="s">
        <v>75</v>
      </c>
      <c r="AC38" s="158"/>
      <c r="AD38" s="158"/>
      <c r="AE38" s="82" t="s">
        <v>77</v>
      </c>
      <c r="AF38" s="82"/>
      <c r="AG38" s="82"/>
      <c r="AH38" s="82"/>
      <c r="AI38" s="82"/>
      <c r="AJ38" s="82"/>
      <c r="AK38" s="82"/>
      <c r="AL38" s="82"/>
      <c r="AM38" s="82"/>
      <c r="AN38" s="82"/>
      <c r="AO38" s="82"/>
      <c r="AP38" s="82"/>
      <c r="AQ38" s="82"/>
      <c r="AR38" s="82"/>
      <c r="AS38" s="82"/>
      <c r="AT38" s="82"/>
      <c r="AU38" s="82"/>
      <c r="AV38" s="82"/>
      <c r="AW38" s="82"/>
      <c r="AX38" s="82"/>
      <c r="AY38" s="82"/>
      <c r="AZ38" s="82"/>
      <c r="BA38" s="83"/>
      <c r="BB38" s="3"/>
    </row>
    <row r="39" spans="1:54" ht="18.75" customHeight="1" x14ac:dyDescent="0.2">
      <c r="A39" s="3"/>
      <c r="B39" s="101"/>
      <c r="C39" s="88" t="s">
        <v>0</v>
      </c>
      <c r="D39" s="88"/>
      <c r="E39" s="88" t="s">
        <v>96</v>
      </c>
      <c r="F39" s="88"/>
      <c r="G39" s="88" t="s">
        <v>0</v>
      </c>
      <c r="H39" s="88"/>
      <c r="I39" s="89" t="s">
        <v>1</v>
      </c>
      <c r="J39" s="196"/>
      <c r="K39" s="197"/>
      <c r="L39" s="197"/>
      <c r="M39" s="197"/>
      <c r="N39" s="198"/>
      <c r="O39" s="196"/>
      <c r="P39" s="197"/>
      <c r="Q39" s="197"/>
      <c r="R39" s="198"/>
      <c r="S39" s="59" t="s">
        <v>40</v>
      </c>
      <c r="T39" s="60" t="s">
        <v>41</v>
      </c>
      <c r="U39" s="61"/>
      <c r="V39" s="207" t="s">
        <v>45</v>
      </c>
      <c r="W39" s="208"/>
      <c r="X39" s="208"/>
      <c r="Y39" s="208"/>
      <c r="Z39" s="209"/>
      <c r="AA39" s="3"/>
      <c r="AB39" s="147"/>
      <c r="AC39" s="148"/>
      <c r="AD39" s="148"/>
      <c r="AE39" s="85" t="s">
        <v>76</v>
      </c>
      <c r="AF39" s="85"/>
      <c r="AG39" s="85"/>
      <c r="AH39" s="85"/>
      <c r="AI39" s="85"/>
      <c r="AJ39" s="85"/>
      <c r="AK39" s="85"/>
      <c r="AL39" s="85"/>
      <c r="AM39" s="85"/>
      <c r="AN39" s="85"/>
      <c r="AO39" s="85"/>
      <c r="AP39" s="85"/>
      <c r="AQ39" s="85"/>
      <c r="AR39" s="85"/>
      <c r="AS39" s="85"/>
      <c r="AT39" s="85"/>
      <c r="AU39" s="85"/>
      <c r="AV39" s="85"/>
      <c r="AW39" s="85"/>
      <c r="AX39" s="85"/>
      <c r="AY39" s="85"/>
      <c r="AZ39" s="85"/>
      <c r="BA39" s="99"/>
      <c r="BB39" s="3"/>
    </row>
    <row r="40" spans="1:54" ht="18.75" customHeight="1" thickBot="1" x14ac:dyDescent="0.25">
      <c r="A40" s="3"/>
      <c r="B40" s="227" t="s">
        <v>69</v>
      </c>
      <c r="C40" s="228"/>
      <c r="D40" s="228"/>
      <c r="E40" s="228"/>
      <c r="F40" s="228"/>
      <c r="G40" s="228"/>
      <c r="H40" s="228"/>
      <c r="I40" s="229"/>
      <c r="J40" s="193"/>
      <c r="K40" s="194"/>
      <c r="L40" s="194"/>
      <c r="M40" s="194"/>
      <c r="N40" s="195"/>
      <c r="O40" s="193"/>
      <c r="P40" s="194"/>
      <c r="Q40" s="194"/>
      <c r="R40" s="195"/>
      <c r="S40" s="44" t="s">
        <v>42</v>
      </c>
      <c r="T40" s="81" t="s">
        <v>43</v>
      </c>
      <c r="U40" s="63"/>
      <c r="V40" s="44" t="s">
        <v>23</v>
      </c>
      <c r="W40" s="202" t="s">
        <v>67</v>
      </c>
      <c r="X40" s="202"/>
      <c r="Y40" s="202"/>
      <c r="Z40" s="203"/>
      <c r="AA40" s="3"/>
      <c r="AB40" s="69"/>
      <c r="AC40" s="70"/>
      <c r="AD40" s="70"/>
      <c r="AE40" s="136" t="s">
        <v>78</v>
      </c>
      <c r="AF40" s="136"/>
      <c r="AG40" s="136"/>
      <c r="AH40" s="136"/>
      <c r="AI40" s="136"/>
      <c r="AJ40" s="136"/>
      <c r="AK40" s="136"/>
      <c r="AL40" s="136"/>
      <c r="AM40" s="136"/>
      <c r="AN40" s="136"/>
      <c r="AO40" s="136"/>
      <c r="AP40" s="136"/>
      <c r="AQ40" s="136"/>
      <c r="AR40" s="136"/>
      <c r="AS40" s="136"/>
      <c r="AT40" s="136"/>
      <c r="AU40" s="136"/>
      <c r="AV40" s="136"/>
      <c r="AW40" s="136"/>
      <c r="AX40" s="136"/>
      <c r="AY40" s="136"/>
      <c r="AZ40" s="136"/>
      <c r="BA40" s="137"/>
      <c r="BB40" s="3"/>
    </row>
    <row r="41" spans="1:54" ht="18.75" customHeight="1" x14ac:dyDescent="0.2">
      <c r="A41" s="3"/>
      <c r="B41" s="101"/>
      <c r="C41" s="88" t="s">
        <v>0</v>
      </c>
      <c r="D41" s="88"/>
      <c r="E41" s="88" t="s">
        <v>96</v>
      </c>
      <c r="F41" s="88"/>
      <c r="G41" s="88" t="s">
        <v>0</v>
      </c>
      <c r="H41" s="88"/>
      <c r="I41" s="89" t="s">
        <v>1</v>
      </c>
      <c r="J41" s="196"/>
      <c r="K41" s="197"/>
      <c r="L41" s="197"/>
      <c r="M41" s="197"/>
      <c r="N41" s="198"/>
      <c r="O41" s="196"/>
      <c r="P41" s="197"/>
      <c r="Q41" s="197"/>
      <c r="R41" s="198"/>
      <c r="S41" s="64" t="s">
        <v>40</v>
      </c>
      <c r="T41" s="65" t="s">
        <v>41</v>
      </c>
      <c r="U41" s="66"/>
      <c r="V41" s="207" t="s">
        <v>45</v>
      </c>
      <c r="W41" s="208"/>
      <c r="X41" s="208"/>
      <c r="Y41" s="208"/>
      <c r="Z41" s="209"/>
      <c r="AA41" s="3"/>
      <c r="AB41" s="145" t="s">
        <v>110</v>
      </c>
      <c r="AC41" s="145"/>
      <c r="AD41" s="145"/>
      <c r="AE41" s="145"/>
      <c r="AF41" s="145"/>
      <c r="AG41" s="145"/>
      <c r="AH41" s="145"/>
      <c r="AI41" s="145"/>
      <c r="AJ41" s="145"/>
      <c r="AK41" s="145"/>
      <c r="AL41" s="145"/>
      <c r="AM41" s="145"/>
      <c r="AN41" s="145"/>
      <c r="AO41" s="145"/>
      <c r="AP41" s="145"/>
      <c r="AQ41" s="145"/>
      <c r="AR41" s="145"/>
      <c r="AS41" s="145"/>
      <c r="AT41" s="145"/>
      <c r="AU41" s="145"/>
      <c r="AV41" s="145"/>
      <c r="AW41" s="145"/>
      <c r="AX41" s="145"/>
      <c r="AY41" s="145"/>
      <c r="AZ41" s="145"/>
      <c r="BA41" s="145"/>
      <c r="BB41" s="3"/>
    </row>
    <row r="42" spans="1:54" ht="18.75" customHeight="1" x14ac:dyDescent="0.15">
      <c r="A42" s="3"/>
      <c r="B42" s="227" t="s">
        <v>69</v>
      </c>
      <c r="C42" s="228"/>
      <c r="D42" s="228"/>
      <c r="E42" s="228"/>
      <c r="F42" s="228"/>
      <c r="G42" s="228"/>
      <c r="H42" s="228"/>
      <c r="I42" s="229"/>
      <c r="J42" s="193"/>
      <c r="K42" s="194"/>
      <c r="L42" s="194"/>
      <c r="M42" s="194"/>
      <c r="N42" s="195"/>
      <c r="O42" s="193"/>
      <c r="P42" s="194"/>
      <c r="Q42" s="194"/>
      <c r="R42" s="195"/>
      <c r="S42" s="44" t="s">
        <v>42</v>
      </c>
      <c r="T42" s="81" t="s">
        <v>43</v>
      </c>
      <c r="U42" s="63"/>
      <c r="V42" s="44" t="s">
        <v>23</v>
      </c>
      <c r="W42" s="202" t="s">
        <v>67</v>
      </c>
      <c r="X42" s="202"/>
      <c r="Y42" s="202"/>
      <c r="Z42" s="203"/>
      <c r="AA42" s="3"/>
      <c r="AB42" s="40" t="s">
        <v>111</v>
      </c>
      <c r="AC42" s="40"/>
      <c r="AD42" s="40"/>
      <c r="AE42" s="40"/>
      <c r="AF42" s="40"/>
      <c r="AG42" s="40"/>
      <c r="AH42" s="40"/>
      <c r="AI42" s="40"/>
      <c r="AJ42" s="40"/>
      <c r="AK42" s="40"/>
      <c r="AL42" s="40"/>
      <c r="AM42" s="40"/>
      <c r="AN42" s="40"/>
      <c r="AO42" s="40"/>
      <c r="AP42" s="40"/>
      <c r="AQ42" s="40"/>
      <c r="AR42" s="40"/>
      <c r="AS42" s="71"/>
      <c r="AT42" s="71"/>
      <c r="AU42" s="70"/>
      <c r="AV42" s="70"/>
      <c r="AW42" s="70"/>
      <c r="AX42" s="70"/>
      <c r="AY42" s="70"/>
      <c r="AZ42" s="70"/>
      <c r="BA42" s="70"/>
      <c r="BB42" s="3"/>
    </row>
    <row r="43" spans="1:54" ht="18.75" customHeight="1" x14ac:dyDescent="0.15">
      <c r="A43" s="3"/>
      <c r="B43" s="101"/>
      <c r="C43" s="88" t="s">
        <v>0</v>
      </c>
      <c r="D43" s="88"/>
      <c r="E43" s="88" t="s">
        <v>96</v>
      </c>
      <c r="F43" s="88"/>
      <c r="G43" s="88" t="s">
        <v>0</v>
      </c>
      <c r="H43" s="88"/>
      <c r="I43" s="89" t="s">
        <v>1</v>
      </c>
      <c r="J43" s="196"/>
      <c r="K43" s="197"/>
      <c r="L43" s="197"/>
      <c r="M43" s="197"/>
      <c r="N43" s="198"/>
      <c r="O43" s="196"/>
      <c r="P43" s="197"/>
      <c r="Q43" s="197"/>
      <c r="R43" s="198"/>
      <c r="S43" s="64" t="s">
        <v>40</v>
      </c>
      <c r="T43" s="65" t="s">
        <v>41</v>
      </c>
      <c r="U43" s="66"/>
      <c r="V43" s="207" t="s">
        <v>45</v>
      </c>
      <c r="W43" s="208"/>
      <c r="X43" s="208"/>
      <c r="Y43" s="208"/>
      <c r="Z43" s="209"/>
      <c r="AA43" s="3"/>
      <c r="AB43" s="72"/>
      <c r="AC43" s="72"/>
      <c r="AD43" s="72"/>
      <c r="AE43" s="72"/>
      <c r="AF43" s="72"/>
      <c r="AG43" s="72"/>
      <c r="AH43" s="72"/>
      <c r="AI43" s="72"/>
      <c r="AJ43" s="72"/>
      <c r="AK43" s="72"/>
      <c r="AL43" s="72"/>
      <c r="AM43" s="72"/>
      <c r="AN43" s="72"/>
      <c r="AO43" s="72"/>
      <c r="AP43" s="72"/>
      <c r="AQ43" s="72"/>
      <c r="AR43" s="72"/>
      <c r="AS43" s="71"/>
      <c r="AT43" s="71"/>
      <c r="AU43" s="70"/>
      <c r="AV43" s="70"/>
      <c r="AW43" s="70"/>
      <c r="AX43" s="70"/>
      <c r="AY43" s="70"/>
      <c r="AZ43" s="70"/>
      <c r="BA43" s="70"/>
      <c r="BB43" s="3"/>
    </row>
    <row r="44" spans="1:54" ht="18.75" customHeight="1" x14ac:dyDescent="0.15">
      <c r="A44" s="3"/>
      <c r="B44" s="243" t="s">
        <v>69</v>
      </c>
      <c r="C44" s="244"/>
      <c r="D44" s="244"/>
      <c r="E44" s="244"/>
      <c r="F44" s="244"/>
      <c r="G44" s="244"/>
      <c r="H44" s="244"/>
      <c r="I44" s="245"/>
      <c r="J44" s="193"/>
      <c r="K44" s="194"/>
      <c r="L44" s="194"/>
      <c r="M44" s="194"/>
      <c r="N44" s="195"/>
      <c r="O44" s="193"/>
      <c r="P44" s="194"/>
      <c r="Q44" s="194"/>
      <c r="R44" s="195"/>
      <c r="S44" s="44" t="s">
        <v>42</v>
      </c>
      <c r="T44" s="81" t="s">
        <v>43</v>
      </c>
      <c r="U44" s="63"/>
      <c r="V44" s="44" t="s">
        <v>23</v>
      </c>
      <c r="W44" s="202" t="s">
        <v>67</v>
      </c>
      <c r="X44" s="202"/>
      <c r="Y44" s="202"/>
      <c r="Z44" s="203"/>
      <c r="AA44" s="3"/>
      <c r="AB44" s="72"/>
      <c r="AC44" s="72"/>
      <c r="AD44" s="72"/>
      <c r="AE44" s="72"/>
      <c r="AF44" s="72"/>
      <c r="AG44" s="72"/>
      <c r="AH44" s="72"/>
      <c r="AI44" s="72"/>
      <c r="AJ44" s="72"/>
      <c r="AS44" s="71"/>
      <c r="AT44" s="71"/>
      <c r="AU44" s="70"/>
      <c r="AV44" s="70"/>
      <c r="AW44" s="70"/>
      <c r="AX44" s="70"/>
      <c r="AY44" s="70"/>
      <c r="AZ44" s="70"/>
      <c r="BA44" s="70"/>
      <c r="BB44" s="3"/>
    </row>
    <row r="45" spans="1:54" ht="18.75" customHeight="1" thickBot="1" x14ac:dyDescent="0.25">
      <c r="A45" s="3"/>
      <c r="B45" s="103"/>
      <c r="C45" s="91" t="s">
        <v>0</v>
      </c>
      <c r="D45" s="91"/>
      <c r="E45" s="91" t="s">
        <v>96</v>
      </c>
      <c r="F45" s="91"/>
      <c r="G45" s="91" t="s">
        <v>0</v>
      </c>
      <c r="H45" s="91"/>
      <c r="I45" s="92" t="s">
        <v>1</v>
      </c>
      <c r="J45" s="199"/>
      <c r="K45" s="200"/>
      <c r="L45" s="200"/>
      <c r="M45" s="200"/>
      <c r="N45" s="201"/>
      <c r="O45" s="199"/>
      <c r="P45" s="200"/>
      <c r="Q45" s="200"/>
      <c r="R45" s="201"/>
      <c r="S45" s="74" t="s">
        <v>40</v>
      </c>
      <c r="T45" s="75" t="s">
        <v>41</v>
      </c>
      <c r="U45" s="76"/>
      <c r="V45" s="204" t="s">
        <v>45</v>
      </c>
      <c r="W45" s="205"/>
      <c r="X45" s="205"/>
      <c r="Y45" s="205"/>
      <c r="Z45" s="206"/>
      <c r="AA45" s="3"/>
      <c r="AB45" s="309" t="s">
        <v>109</v>
      </c>
      <c r="AC45" s="309"/>
      <c r="AD45" s="98"/>
      <c r="AE45" s="98" t="s">
        <v>0</v>
      </c>
      <c r="AF45" s="98"/>
      <c r="AG45" s="98" t="s">
        <v>1</v>
      </c>
      <c r="AH45" s="98"/>
      <c r="AI45" s="98" t="s">
        <v>59</v>
      </c>
      <c r="AJ45" s="78"/>
      <c r="AS45" s="136" t="s">
        <v>88</v>
      </c>
      <c r="AT45" s="136"/>
      <c r="AU45" s="136"/>
      <c r="AV45" s="136"/>
      <c r="AW45" s="136"/>
      <c r="AX45" s="136"/>
      <c r="AY45" s="136"/>
      <c r="AZ45" s="136"/>
      <c r="BA45" s="70"/>
      <c r="BB45" s="3"/>
    </row>
    <row r="46" spans="1:54" ht="12.6" x14ac:dyDescent="0.2">
      <c r="D46" s="79" t="s">
        <v>91</v>
      </c>
      <c r="E46" s="84"/>
      <c r="F46" s="84"/>
      <c r="G46" s="84"/>
      <c r="H46" s="84"/>
      <c r="I46" s="84"/>
      <c r="J46" s="84"/>
      <c r="K46" s="84"/>
      <c r="L46" s="84"/>
      <c r="M46" s="80"/>
      <c r="N46" s="80"/>
      <c r="O46" s="80"/>
      <c r="P46" s="80"/>
      <c r="Q46" s="80"/>
      <c r="R46" s="80"/>
      <c r="S46" s="80"/>
      <c r="T46" s="80"/>
      <c r="U46" s="80"/>
      <c r="V46" s="80"/>
      <c r="W46" s="80"/>
      <c r="X46" s="80"/>
      <c r="Y46" s="80"/>
      <c r="Z46" s="80"/>
      <c r="AS46" s="138" t="s">
        <v>89</v>
      </c>
      <c r="AT46" s="138"/>
      <c r="AU46" s="138"/>
      <c r="AV46" s="138"/>
      <c r="AW46" s="138"/>
      <c r="AX46" s="138"/>
      <c r="AY46" s="138"/>
      <c r="AZ46" s="138"/>
    </row>
    <row r="47" spans="1:54" ht="18" customHeight="1" x14ac:dyDescent="0.2">
      <c r="D47" s="80"/>
      <c r="E47" s="80"/>
      <c r="F47" s="80"/>
      <c r="G47" s="80"/>
      <c r="H47" s="80"/>
      <c r="I47" s="80"/>
      <c r="J47" s="80"/>
      <c r="K47" s="80"/>
      <c r="L47" s="80"/>
    </row>
    <row r="48" spans="1:54" ht="18" customHeight="1" x14ac:dyDescent="0.2">
      <c r="D48" s="80"/>
      <c r="E48" s="80"/>
      <c r="F48" s="80"/>
      <c r="G48" s="80"/>
      <c r="H48" s="80"/>
      <c r="I48" s="80"/>
      <c r="J48" s="80"/>
      <c r="K48" s="80"/>
      <c r="L48" s="80"/>
    </row>
    <row r="49" spans="4:4" ht="18" customHeight="1" x14ac:dyDescent="0.2">
      <c r="D49" s="80" t="s">
        <v>33</v>
      </c>
    </row>
  </sheetData>
  <mergeCells count="191">
    <mergeCell ref="AD4:AE4"/>
    <mergeCell ref="AF4:AG4"/>
    <mergeCell ref="B5:D5"/>
    <mergeCell ref="E5:Q5"/>
    <mergeCell ref="R5:T5"/>
    <mergeCell ref="AB5:AH5"/>
    <mergeCell ref="D2:N3"/>
    <mergeCell ref="AB2:AH2"/>
    <mergeCell ref="AI2:BA2"/>
    <mergeCell ref="O3:T3"/>
    <mergeCell ref="V3:X3"/>
    <mergeCell ref="AB3:AH3"/>
    <mergeCell ref="AI3:BA4"/>
    <mergeCell ref="B4:D4"/>
    <mergeCell ref="E4:T4"/>
    <mergeCell ref="AB4:AC4"/>
    <mergeCell ref="AI5:BA6"/>
    <mergeCell ref="B6:D6"/>
    <mergeCell ref="E6:Q7"/>
    <mergeCell ref="R6:T8"/>
    <mergeCell ref="AB6:AC6"/>
    <mergeCell ref="AD6:AE6"/>
    <mergeCell ref="AF6:AG6"/>
    <mergeCell ref="B7:D7"/>
    <mergeCell ref="AB7:AH7"/>
    <mergeCell ref="AI7:BA8"/>
    <mergeCell ref="AI9:BA10"/>
    <mergeCell ref="B10:D10"/>
    <mergeCell ref="Q10:S10"/>
    <mergeCell ref="V10:Y10"/>
    <mergeCell ref="AB10:AC10"/>
    <mergeCell ref="AD10:AE10"/>
    <mergeCell ref="AF10:AG10"/>
    <mergeCell ref="B8:D8"/>
    <mergeCell ref="AB8:AC8"/>
    <mergeCell ref="AD8:AE8"/>
    <mergeCell ref="AF8:AG8"/>
    <mergeCell ref="B9:D9"/>
    <mergeCell ref="E9:E10"/>
    <mergeCell ref="AB9:AH9"/>
    <mergeCell ref="B11:D11"/>
    <mergeCell ref="E11:T11"/>
    <mergeCell ref="AB11:AH11"/>
    <mergeCell ref="AI11:BA12"/>
    <mergeCell ref="B12:D12"/>
    <mergeCell ref="G12:H12"/>
    <mergeCell ref="J12:K12"/>
    <mergeCell ref="AB12:AC12"/>
    <mergeCell ref="AD12:AE12"/>
    <mergeCell ref="AF12:AG12"/>
    <mergeCell ref="B13:D13"/>
    <mergeCell ref="E13:T14"/>
    <mergeCell ref="U13:V13"/>
    <mergeCell ref="X13:Z13"/>
    <mergeCell ref="AB13:BA13"/>
    <mergeCell ref="B14:D14"/>
    <mergeCell ref="AB14:BA17"/>
    <mergeCell ref="B15:F15"/>
    <mergeCell ref="G15:Z15"/>
    <mergeCell ref="B16:D16"/>
    <mergeCell ref="W19:Z19"/>
    <mergeCell ref="AB19:AE20"/>
    <mergeCell ref="G16:R17"/>
    <mergeCell ref="S16:Z17"/>
    <mergeCell ref="B17:C17"/>
    <mergeCell ref="B18:F18"/>
    <mergeCell ref="G18:H18"/>
    <mergeCell ref="I18:S18"/>
    <mergeCell ref="T18:U18"/>
    <mergeCell ref="V18:Z18"/>
    <mergeCell ref="AU19:AU20"/>
    <mergeCell ref="AV19:AV20"/>
    <mergeCell ref="AW19:AW20"/>
    <mergeCell ref="B20:D21"/>
    <mergeCell ref="N20:Q21"/>
    <mergeCell ref="R20:V21"/>
    <mergeCell ref="W20:Z21"/>
    <mergeCell ref="H21:I21"/>
    <mergeCell ref="AN19:AN20"/>
    <mergeCell ref="AO19:AO20"/>
    <mergeCell ref="AP19:AQ20"/>
    <mergeCell ref="AR19:AR20"/>
    <mergeCell ref="AS19:AS20"/>
    <mergeCell ref="AT19:AT20"/>
    <mergeCell ref="AG19:AH20"/>
    <mergeCell ref="AI19:AI20"/>
    <mergeCell ref="AJ19:AJ20"/>
    <mergeCell ref="AK19:AK20"/>
    <mergeCell ref="AL19:AL20"/>
    <mergeCell ref="AM19:AM20"/>
    <mergeCell ref="B19:D19"/>
    <mergeCell ref="E19:M19"/>
    <mergeCell ref="N19:Q19"/>
    <mergeCell ref="R19:V19"/>
    <mergeCell ref="B22:D23"/>
    <mergeCell ref="N22:Q23"/>
    <mergeCell ref="R22:V23"/>
    <mergeCell ref="W22:Z23"/>
    <mergeCell ref="AB22:AF22"/>
    <mergeCell ref="AH22:BA22"/>
    <mergeCell ref="H23:I23"/>
    <mergeCell ref="AB23:AI23"/>
    <mergeCell ref="AJ23:BA23"/>
    <mergeCell ref="N26:Q27"/>
    <mergeCell ref="R26:V27"/>
    <mergeCell ref="W26:Z27"/>
    <mergeCell ref="AJ26:BA26"/>
    <mergeCell ref="H27:I27"/>
    <mergeCell ref="AJ27:BA27"/>
    <mergeCell ref="B24:D25"/>
    <mergeCell ref="N24:Q25"/>
    <mergeCell ref="R24:V25"/>
    <mergeCell ref="W24:Z25"/>
    <mergeCell ref="AB24:AI24"/>
    <mergeCell ref="AJ24:BA24"/>
    <mergeCell ref="H25:I25"/>
    <mergeCell ref="AB25:AI27"/>
    <mergeCell ref="AJ25:BA25"/>
    <mergeCell ref="B26:D27"/>
    <mergeCell ref="B28:D29"/>
    <mergeCell ref="N28:Q29"/>
    <mergeCell ref="R28:V29"/>
    <mergeCell ref="W28:Z29"/>
    <mergeCell ref="AB28:AI28"/>
    <mergeCell ref="AJ28:BA28"/>
    <mergeCell ref="H29:I29"/>
    <mergeCell ref="AB29:AF29"/>
    <mergeCell ref="AJ29:AR29"/>
    <mergeCell ref="AS29:BA29"/>
    <mergeCell ref="AU31:BA31"/>
    <mergeCell ref="B32:F32"/>
    <mergeCell ref="G32:H32"/>
    <mergeCell ref="I32:S32"/>
    <mergeCell ref="T32:U32"/>
    <mergeCell ref="V32:Z32"/>
    <mergeCell ref="AB32:BA32"/>
    <mergeCell ref="B30:D31"/>
    <mergeCell ref="N30:Q31"/>
    <mergeCell ref="R30:V31"/>
    <mergeCell ref="W30:Z31"/>
    <mergeCell ref="AB30:AI30"/>
    <mergeCell ref="AJ30:AU30"/>
    <mergeCell ref="H31:I31"/>
    <mergeCell ref="AB31:AF31"/>
    <mergeCell ref="AH31:AI31"/>
    <mergeCell ref="AN31:AR31"/>
    <mergeCell ref="B33:I33"/>
    <mergeCell ref="J33:N33"/>
    <mergeCell ref="O33:R33"/>
    <mergeCell ref="S33:U33"/>
    <mergeCell ref="V33:Z33"/>
    <mergeCell ref="AB33:BA37"/>
    <mergeCell ref="B34:I34"/>
    <mergeCell ref="J34:N35"/>
    <mergeCell ref="O34:R35"/>
    <mergeCell ref="W34:Z34"/>
    <mergeCell ref="O38:R39"/>
    <mergeCell ref="W38:Z38"/>
    <mergeCell ref="AB38:AD38"/>
    <mergeCell ref="V39:Z39"/>
    <mergeCell ref="AB39:AD39"/>
    <mergeCell ref="V35:Z35"/>
    <mergeCell ref="B36:I36"/>
    <mergeCell ref="J36:N37"/>
    <mergeCell ref="O36:R37"/>
    <mergeCell ref="W36:Z36"/>
    <mergeCell ref="V37:Z37"/>
    <mergeCell ref="AB45:AC45"/>
    <mergeCell ref="AS45:AT45"/>
    <mergeCell ref="AU45:AZ45"/>
    <mergeCell ref="AS46:AZ46"/>
    <mergeCell ref="O10:P10"/>
    <mergeCell ref="B42:I42"/>
    <mergeCell ref="J42:N43"/>
    <mergeCell ref="O42:R43"/>
    <mergeCell ref="W42:Z42"/>
    <mergeCell ref="V43:Z43"/>
    <mergeCell ref="B44:I44"/>
    <mergeCell ref="J44:N45"/>
    <mergeCell ref="O44:R45"/>
    <mergeCell ref="W44:Z44"/>
    <mergeCell ref="V45:Z45"/>
    <mergeCell ref="B40:I40"/>
    <mergeCell ref="J40:N41"/>
    <mergeCell ref="O40:R41"/>
    <mergeCell ref="W40:Z40"/>
    <mergeCell ref="AE40:BA40"/>
    <mergeCell ref="V41:Z41"/>
    <mergeCell ref="AB41:BA41"/>
    <mergeCell ref="B38:I38"/>
    <mergeCell ref="J38:N39"/>
  </mergeCells>
  <phoneticPr fontId="2"/>
  <pageMargins left="0.59055118110236227" right="0.47244094488188981" top="0.78740157480314965" bottom="0.55118110236220474" header="0.19685039370078741" footer="0.19685039370078741"/>
  <pageSetup paperSize="9" scale="92" fitToWidth="0" fitToHeight="0" orientation="portrait" r:id="rId1"/>
  <headerFooter alignWithMargins="0"/>
  <colBreaks count="1" manualBreakCount="1">
    <brk id="26" min="1" max="45" man="1"/>
  </colBreaks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rgb="FFFF0000"/>
  </sheetPr>
  <dimension ref="A1:BB49"/>
  <sheetViews>
    <sheetView showGridLines="0" view="pageBreakPreview" zoomScaleNormal="85" zoomScaleSheetLayoutView="100" workbookViewId="0"/>
  </sheetViews>
  <sheetFormatPr defaultRowHeight="18" customHeight="1" x14ac:dyDescent="0.2"/>
  <cols>
    <col min="1" max="1" width="4.88671875" style="1" customWidth="1"/>
    <col min="2" max="4" width="3.88671875" style="1" customWidth="1"/>
    <col min="5" max="5" width="5" style="1" customWidth="1"/>
    <col min="6" max="6" width="3.77734375" style="1" customWidth="1"/>
    <col min="7" max="7" width="5" style="1" customWidth="1"/>
    <col min="8" max="8" width="3.6640625" style="1" customWidth="1"/>
    <col min="9" max="9" width="2.44140625" style="1" customWidth="1"/>
    <col min="10" max="10" width="5" style="1" customWidth="1"/>
    <col min="11" max="11" width="3.6640625" style="1" customWidth="1"/>
    <col min="12" max="12" width="5" style="1" customWidth="1"/>
    <col min="13" max="13" width="2.44140625" style="1" customWidth="1"/>
    <col min="14" max="14" width="3.6640625" style="1" customWidth="1"/>
    <col min="15" max="15" width="3.44140625" style="1" bestFit="1" customWidth="1"/>
    <col min="16" max="16" width="3.6640625" style="1" customWidth="1"/>
    <col min="17" max="17" width="3.44140625" style="1" bestFit="1" customWidth="1"/>
    <col min="18" max="18" width="3.6640625" style="1" customWidth="1"/>
    <col min="19" max="19" width="3.44140625" style="1" bestFit="1" customWidth="1"/>
    <col min="20" max="20" width="5.109375" style="1" customWidth="1"/>
    <col min="21" max="21" width="2.109375" style="1" customWidth="1"/>
    <col min="22" max="22" width="3.6640625" style="1" customWidth="1"/>
    <col min="23" max="23" width="2.88671875" style="1" customWidth="1"/>
    <col min="24" max="24" width="8.6640625" style="1" customWidth="1"/>
    <col min="25" max="25" width="1.77734375" style="1" customWidth="1"/>
    <col min="26" max="26" width="1.6640625" style="1" customWidth="1"/>
    <col min="27" max="27" width="5" style="1" customWidth="1"/>
    <col min="28" max="31" width="3.44140625" style="1" customWidth="1"/>
    <col min="32" max="32" width="3.109375" style="1" customWidth="1"/>
    <col min="33" max="34" width="3.77734375" style="1" customWidth="1"/>
    <col min="35" max="53" width="3.44140625" style="1" customWidth="1"/>
    <col min="54" max="54" width="5" style="1" customWidth="1"/>
    <col min="55" max="263" width="9" style="1"/>
    <col min="264" max="264" width="11.6640625" style="1" bestFit="1" customWidth="1"/>
    <col min="265" max="265" width="6.44140625" style="1" bestFit="1" customWidth="1"/>
    <col min="266" max="266" width="2.109375" style="1" customWidth="1"/>
    <col min="267" max="267" width="4.6640625" style="1" customWidth="1"/>
    <col min="268" max="269" width="2.109375" style="1" customWidth="1"/>
    <col min="270" max="270" width="5.6640625" style="1" customWidth="1"/>
    <col min="271" max="271" width="3.6640625" style="1" customWidth="1"/>
    <col min="272" max="272" width="5.6640625" style="1" customWidth="1"/>
    <col min="273" max="273" width="3.6640625" style="1" customWidth="1"/>
    <col min="274" max="274" width="3.44140625" style="1" bestFit="1" customWidth="1"/>
    <col min="275" max="275" width="3.6640625" style="1" customWidth="1"/>
    <col min="276" max="276" width="3.44140625" style="1" bestFit="1" customWidth="1"/>
    <col min="277" max="277" width="3.6640625" style="1" customWidth="1"/>
    <col min="278" max="278" width="3.44140625" style="1" bestFit="1" customWidth="1"/>
    <col min="279" max="279" width="5.109375" style="1" customWidth="1"/>
    <col min="280" max="280" width="2.109375" style="1" customWidth="1"/>
    <col min="281" max="281" width="3.6640625" style="1" customWidth="1"/>
    <col min="282" max="282" width="2.88671875" style="1" customWidth="1"/>
    <col min="283" max="283" width="8.6640625" style="1" customWidth="1"/>
    <col min="284" max="284" width="2.88671875" style="1" customWidth="1"/>
    <col min="285" max="285" width="1.6640625" style="1" customWidth="1"/>
    <col min="286" max="286" width="10.33203125" style="1" customWidth="1"/>
    <col min="287" max="287" width="5.6640625" style="1" customWidth="1"/>
    <col min="288" max="288" width="2.109375" style="1" customWidth="1"/>
    <col min="289" max="289" width="1.88671875" style="1" customWidth="1"/>
    <col min="290" max="290" width="2.109375" style="1" customWidth="1"/>
    <col min="291" max="291" width="3.109375" style="1" customWidth="1"/>
    <col min="292" max="293" width="3.6640625" style="1" customWidth="1"/>
    <col min="294" max="294" width="5.109375" style="1" customWidth="1"/>
    <col min="295" max="295" width="8.88671875" style="1" customWidth="1"/>
    <col min="296" max="296" width="2.6640625" style="1" customWidth="1"/>
    <col min="297" max="299" width="2.109375" style="1" customWidth="1"/>
    <col min="300" max="300" width="5.6640625" style="1" customWidth="1"/>
    <col min="301" max="301" width="2.109375" style="1" customWidth="1"/>
    <col min="302" max="302" width="15.109375" style="1" customWidth="1"/>
    <col min="303" max="303" width="1.6640625" style="1" customWidth="1"/>
    <col min="304" max="304" width="3.109375" style="1" customWidth="1"/>
    <col min="305" max="305" width="3.6640625" style="1" customWidth="1"/>
    <col min="306" max="306" width="3.109375" style="1" customWidth="1"/>
    <col min="307" max="307" width="2.6640625" style="1" customWidth="1"/>
    <col min="308" max="308" width="6.6640625" style="1" customWidth="1"/>
    <col min="309" max="309" width="2.6640625" style="1" customWidth="1"/>
    <col min="310" max="519" width="9" style="1"/>
    <col min="520" max="520" width="11.6640625" style="1" bestFit="1" customWidth="1"/>
    <col min="521" max="521" width="6.44140625" style="1" bestFit="1" customWidth="1"/>
    <col min="522" max="522" width="2.109375" style="1" customWidth="1"/>
    <col min="523" max="523" width="4.6640625" style="1" customWidth="1"/>
    <col min="524" max="525" width="2.109375" style="1" customWidth="1"/>
    <col min="526" max="526" width="5.6640625" style="1" customWidth="1"/>
    <col min="527" max="527" width="3.6640625" style="1" customWidth="1"/>
    <col min="528" max="528" width="5.6640625" style="1" customWidth="1"/>
    <col min="529" max="529" width="3.6640625" style="1" customWidth="1"/>
    <col min="530" max="530" width="3.44140625" style="1" bestFit="1" customWidth="1"/>
    <col min="531" max="531" width="3.6640625" style="1" customWidth="1"/>
    <col min="532" max="532" width="3.44140625" style="1" bestFit="1" customWidth="1"/>
    <col min="533" max="533" width="3.6640625" style="1" customWidth="1"/>
    <col min="534" max="534" width="3.44140625" style="1" bestFit="1" customWidth="1"/>
    <col min="535" max="535" width="5.109375" style="1" customWidth="1"/>
    <col min="536" max="536" width="2.109375" style="1" customWidth="1"/>
    <col min="537" max="537" width="3.6640625" style="1" customWidth="1"/>
    <col min="538" max="538" width="2.88671875" style="1" customWidth="1"/>
    <col min="539" max="539" width="8.6640625" style="1" customWidth="1"/>
    <col min="540" max="540" width="2.88671875" style="1" customWidth="1"/>
    <col min="541" max="541" width="1.6640625" style="1" customWidth="1"/>
    <col min="542" max="542" width="10.33203125" style="1" customWidth="1"/>
    <col min="543" max="543" width="5.6640625" style="1" customWidth="1"/>
    <col min="544" max="544" width="2.109375" style="1" customWidth="1"/>
    <col min="545" max="545" width="1.88671875" style="1" customWidth="1"/>
    <col min="546" max="546" width="2.109375" style="1" customWidth="1"/>
    <col min="547" max="547" width="3.109375" style="1" customWidth="1"/>
    <col min="548" max="549" width="3.6640625" style="1" customWidth="1"/>
    <col min="550" max="550" width="5.109375" style="1" customWidth="1"/>
    <col min="551" max="551" width="8.88671875" style="1" customWidth="1"/>
    <col min="552" max="552" width="2.6640625" style="1" customWidth="1"/>
    <col min="553" max="555" width="2.109375" style="1" customWidth="1"/>
    <col min="556" max="556" width="5.6640625" style="1" customWidth="1"/>
    <col min="557" max="557" width="2.109375" style="1" customWidth="1"/>
    <col min="558" max="558" width="15.109375" style="1" customWidth="1"/>
    <col min="559" max="559" width="1.6640625" style="1" customWidth="1"/>
    <col min="560" max="560" width="3.109375" style="1" customWidth="1"/>
    <col min="561" max="561" width="3.6640625" style="1" customWidth="1"/>
    <col min="562" max="562" width="3.109375" style="1" customWidth="1"/>
    <col min="563" max="563" width="2.6640625" style="1" customWidth="1"/>
    <col min="564" max="564" width="6.6640625" style="1" customWidth="1"/>
    <col min="565" max="565" width="2.6640625" style="1" customWidth="1"/>
    <col min="566" max="775" width="9" style="1"/>
    <col min="776" max="776" width="11.6640625" style="1" bestFit="1" customWidth="1"/>
    <col min="777" max="777" width="6.44140625" style="1" bestFit="1" customWidth="1"/>
    <col min="778" max="778" width="2.109375" style="1" customWidth="1"/>
    <col min="779" max="779" width="4.6640625" style="1" customWidth="1"/>
    <col min="780" max="781" width="2.109375" style="1" customWidth="1"/>
    <col min="782" max="782" width="5.6640625" style="1" customWidth="1"/>
    <col min="783" max="783" width="3.6640625" style="1" customWidth="1"/>
    <col min="784" max="784" width="5.6640625" style="1" customWidth="1"/>
    <col min="785" max="785" width="3.6640625" style="1" customWidth="1"/>
    <col min="786" max="786" width="3.44140625" style="1" bestFit="1" customWidth="1"/>
    <col min="787" max="787" width="3.6640625" style="1" customWidth="1"/>
    <col min="788" max="788" width="3.44140625" style="1" bestFit="1" customWidth="1"/>
    <col min="789" max="789" width="3.6640625" style="1" customWidth="1"/>
    <col min="790" max="790" width="3.44140625" style="1" bestFit="1" customWidth="1"/>
    <col min="791" max="791" width="5.109375" style="1" customWidth="1"/>
    <col min="792" max="792" width="2.109375" style="1" customWidth="1"/>
    <col min="793" max="793" width="3.6640625" style="1" customWidth="1"/>
    <col min="794" max="794" width="2.88671875" style="1" customWidth="1"/>
    <col min="795" max="795" width="8.6640625" style="1" customWidth="1"/>
    <col min="796" max="796" width="2.88671875" style="1" customWidth="1"/>
    <col min="797" max="797" width="1.6640625" style="1" customWidth="1"/>
    <col min="798" max="798" width="10.33203125" style="1" customWidth="1"/>
    <col min="799" max="799" width="5.6640625" style="1" customWidth="1"/>
    <col min="800" max="800" width="2.109375" style="1" customWidth="1"/>
    <col min="801" max="801" width="1.88671875" style="1" customWidth="1"/>
    <col min="802" max="802" width="2.109375" style="1" customWidth="1"/>
    <col min="803" max="803" width="3.109375" style="1" customWidth="1"/>
    <col min="804" max="805" width="3.6640625" style="1" customWidth="1"/>
    <col min="806" max="806" width="5.109375" style="1" customWidth="1"/>
    <col min="807" max="807" width="8.88671875" style="1" customWidth="1"/>
    <col min="808" max="808" width="2.6640625" style="1" customWidth="1"/>
    <col min="809" max="811" width="2.109375" style="1" customWidth="1"/>
    <col min="812" max="812" width="5.6640625" style="1" customWidth="1"/>
    <col min="813" max="813" width="2.109375" style="1" customWidth="1"/>
    <col min="814" max="814" width="15.109375" style="1" customWidth="1"/>
    <col min="815" max="815" width="1.6640625" style="1" customWidth="1"/>
    <col min="816" max="816" width="3.109375" style="1" customWidth="1"/>
    <col min="817" max="817" width="3.6640625" style="1" customWidth="1"/>
    <col min="818" max="818" width="3.109375" style="1" customWidth="1"/>
    <col min="819" max="819" width="2.6640625" style="1" customWidth="1"/>
    <col min="820" max="820" width="6.6640625" style="1" customWidth="1"/>
    <col min="821" max="821" width="2.6640625" style="1" customWidth="1"/>
    <col min="822" max="1031" width="9" style="1"/>
    <col min="1032" max="1032" width="11.6640625" style="1" bestFit="1" customWidth="1"/>
    <col min="1033" max="1033" width="6.44140625" style="1" bestFit="1" customWidth="1"/>
    <col min="1034" max="1034" width="2.109375" style="1" customWidth="1"/>
    <col min="1035" max="1035" width="4.6640625" style="1" customWidth="1"/>
    <col min="1036" max="1037" width="2.109375" style="1" customWidth="1"/>
    <col min="1038" max="1038" width="5.6640625" style="1" customWidth="1"/>
    <col min="1039" max="1039" width="3.6640625" style="1" customWidth="1"/>
    <col min="1040" max="1040" width="5.6640625" style="1" customWidth="1"/>
    <col min="1041" max="1041" width="3.6640625" style="1" customWidth="1"/>
    <col min="1042" max="1042" width="3.44140625" style="1" bestFit="1" customWidth="1"/>
    <col min="1043" max="1043" width="3.6640625" style="1" customWidth="1"/>
    <col min="1044" max="1044" width="3.44140625" style="1" bestFit="1" customWidth="1"/>
    <col min="1045" max="1045" width="3.6640625" style="1" customWidth="1"/>
    <col min="1046" max="1046" width="3.44140625" style="1" bestFit="1" customWidth="1"/>
    <col min="1047" max="1047" width="5.109375" style="1" customWidth="1"/>
    <col min="1048" max="1048" width="2.109375" style="1" customWidth="1"/>
    <col min="1049" max="1049" width="3.6640625" style="1" customWidth="1"/>
    <col min="1050" max="1050" width="2.88671875" style="1" customWidth="1"/>
    <col min="1051" max="1051" width="8.6640625" style="1" customWidth="1"/>
    <col min="1052" max="1052" width="2.88671875" style="1" customWidth="1"/>
    <col min="1053" max="1053" width="1.6640625" style="1" customWidth="1"/>
    <col min="1054" max="1054" width="10.33203125" style="1" customWidth="1"/>
    <col min="1055" max="1055" width="5.6640625" style="1" customWidth="1"/>
    <col min="1056" max="1056" width="2.109375" style="1" customWidth="1"/>
    <col min="1057" max="1057" width="1.88671875" style="1" customWidth="1"/>
    <col min="1058" max="1058" width="2.109375" style="1" customWidth="1"/>
    <col min="1059" max="1059" width="3.109375" style="1" customWidth="1"/>
    <col min="1060" max="1061" width="3.6640625" style="1" customWidth="1"/>
    <col min="1062" max="1062" width="5.109375" style="1" customWidth="1"/>
    <col min="1063" max="1063" width="8.88671875" style="1" customWidth="1"/>
    <col min="1064" max="1064" width="2.6640625" style="1" customWidth="1"/>
    <col min="1065" max="1067" width="2.109375" style="1" customWidth="1"/>
    <col min="1068" max="1068" width="5.6640625" style="1" customWidth="1"/>
    <col min="1069" max="1069" width="2.109375" style="1" customWidth="1"/>
    <col min="1070" max="1070" width="15.109375" style="1" customWidth="1"/>
    <col min="1071" max="1071" width="1.6640625" style="1" customWidth="1"/>
    <col min="1072" max="1072" width="3.109375" style="1" customWidth="1"/>
    <col min="1073" max="1073" width="3.6640625" style="1" customWidth="1"/>
    <col min="1074" max="1074" width="3.109375" style="1" customWidth="1"/>
    <col min="1075" max="1075" width="2.6640625" style="1" customWidth="1"/>
    <col min="1076" max="1076" width="6.6640625" style="1" customWidth="1"/>
    <col min="1077" max="1077" width="2.6640625" style="1" customWidth="1"/>
    <col min="1078" max="1287" width="9" style="1"/>
    <col min="1288" max="1288" width="11.6640625" style="1" bestFit="1" customWidth="1"/>
    <col min="1289" max="1289" width="6.44140625" style="1" bestFit="1" customWidth="1"/>
    <col min="1290" max="1290" width="2.109375" style="1" customWidth="1"/>
    <col min="1291" max="1291" width="4.6640625" style="1" customWidth="1"/>
    <col min="1292" max="1293" width="2.109375" style="1" customWidth="1"/>
    <col min="1294" max="1294" width="5.6640625" style="1" customWidth="1"/>
    <col min="1295" max="1295" width="3.6640625" style="1" customWidth="1"/>
    <col min="1296" max="1296" width="5.6640625" style="1" customWidth="1"/>
    <col min="1297" max="1297" width="3.6640625" style="1" customWidth="1"/>
    <col min="1298" max="1298" width="3.44140625" style="1" bestFit="1" customWidth="1"/>
    <col min="1299" max="1299" width="3.6640625" style="1" customWidth="1"/>
    <col min="1300" max="1300" width="3.44140625" style="1" bestFit="1" customWidth="1"/>
    <col min="1301" max="1301" width="3.6640625" style="1" customWidth="1"/>
    <col min="1302" max="1302" width="3.44140625" style="1" bestFit="1" customWidth="1"/>
    <col min="1303" max="1303" width="5.109375" style="1" customWidth="1"/>
    <col min="1304" max="1304" width="2.109375" style="1" customWidth="1"/>
    <col min="1305" max="1305" width="3.6640625" style="1" customWidth="1"/>
    <col min="1306" max="1306" width="2.88671875" style="1" customWidth="1"/>
    <col min="1307" max="1307" width="8.6640625" style="1" customWidth="1"/>
    <col min="1308" max="1308" width="2.88671875" style="1" customWidth="1"/>
    <col min="1309" max="1309" width="1.6640625" style="1" customWidth="1"/>
    <col min="1310" max="1310" width="10.33203125" style="1" customWidth="1"/>
    <col min="1311" max="1311" width="5.6640625" style="1" customWidth="1"/>
    <col min="1312" max="1312" width="2.109375" style="1" customWidth="1"/>
    <col min="1313" max="1313" width="1.88671875" style="1" customWidth="1"/>
    <col min="1314" max="1314" width="2.109375" style="1" customWidth="1"/>
    <col min="1315" max="1315" width="3.109375" style="1" customWidth="1"/>
    <col min="1316" max="1317" width="3.6640625" style="1" customWidth="1"/>
    <col min="1318" max="1318" width="5.109375" style="1" customWidth="1"/>
    <col min="1319" max="1319" width="8.88671875" style="1" customWidth="1"/>
    <col min="1320" max="1320" width="2.6640625" style="1" customWidth="1"/>
    <col min="1321" max="1323" width="2.109375" style="1" customWidth="1"/>
    <col min="1324" max="1324" width="5.6640625" style="1" customWidth="1"/>
    <col min="1325" max="1325" width="2.109375" style="1" customWidth="1"/>
    <col min="1326" max="1326" width="15.109375" style="1" customWidth="1"/>
    <col min="1327" max="1327" width="1.6640625" style="1" customWidth="1"/>
    <col min="1328" max="1328" width="3.109375" style="1" customWidth="1"/>
    <col min="1329" max="1329" width="3.6640625" style="1" customWidth="1"/>
    <col min="1330" max="1330" width="3.109375" style="1" customWidth="1"/>
    <col min="1331" max="1331" width="2.6640625" style="1" customWidth="1"/>
    <col min="1332" max="1332" width="6.6640625" style="1" customWidth="1"/>
    <col min="1333" max="1333" width="2.6640625" style="1" customWidth="1"/>
    <col min="1334" max="1543" width="9" style="1"/>
    <col min="1544" max="1544" width="11.6640625" style="1" bestFit="1" customWidth="1"/>
    <col min="1545" max="1545" width="6.44140625" style="1" bestFit="1" customWidth="1"/>
    <col min="1546" max="1546" width="2.109375" style="1" customWidth="1"/>
    <col min="1547" max="1547" width="4.6640625" style="1" customWidth="1"/>
    <col min="1548" max="1549" width="2.109375" style="1" customWidth="1"/>
    <col min="1550" max="1550" width="5.6640625" style="1" customWidth="1"/>
    <col min="1551" max="1551" width="3.6640625" style="1" customWidth="1"/>
    <col min="1552" max="1552" width="5.6640625" style="1" customWidth="1"/>
    <col min="1553" max="1553" width="3.6640625" style="1" customWidth="1"/>
    <col min="1554" max="1554" width="3.44140625" style="1" bestFit="1" customWidth="1"/>
    <col min="1555" max="1555" width="3.6640625" style="1" customWidth="1"/>
    <col min="1556" max="1556" width="3.44140625" style="1" bestFit="1" customWidth="1"/>
    <col min="1557" max="1557" width="3.6640625" style="1" customWidth="1"/>
    <col min="1558" max="1558" width="3.44140625" style="1" bestFit="1" customWidth="1"/>
    <col min="1559" max="1559" width="5.109375" style="1" customWidth="1"/>
    <col min="1560" max="1560" width="2.109375" style="1" customWidth="1"/>
    <col min="1561" max="1561" width="3.6640625" style="1" customWidth="1"/>
    <col min="1562" max="1562" width="2.88671875" style="1" customWidth="1"/>
    <col min="1563" max="1563" width="8.6640625" style="1" customWidth="1"/>
    <col min="1564" max="1564" width="2.88671875" style="1" customWidth="1"/>
    <col min="1565" max="1565" width="1.6640625" style="1" customWidth="1"/>
    <col min="1566" max="1566" width="10.33203125" style="1" customWidth="1"/>
    <col min="1567" max="1567" width="5.6640625" style="1" customWidth="1"/>
    <col min="1568" max="1568" width="2.109375" style="1" customWidth="1"/>
    <col min="1569" max="1569" width="1.88671875" style="1" customWidth="1"/>
    <col min="1570" max="1570" width="2.109375" style="1" customWidth="1"/>
    <col min="1571" max="1571" width="3.109375" style="1" customWidth="1"/>
    <col min="1572" max="1573" width="3.6640625" style="1" customWidth="1"/>
    <col min="1574" max="1574" width="5.109375" style="1" customWidth="1"/>
    <col min="1575" max="1575" width="8.88671875" style="1" customWidth="1"/>
    <col min="1576" max="1576" width="2.6640625" style="1" customWidth="1"/>
    <col min="1577" max="1579" width="2.109375" style="1" customWidth="1"/>
    <col min="1580" max="1580" width="5.6640625" style="1" customWidth="1"/>
    <col min="1581" max="1581" width="2.109375" style="1" customWidth="1"/>
    <col min="1582" max="1582" width="15.109375" style="1" customWidth="1"/>
    <col min="1583" max="1583" width="1.6640625" style="1" customWidth="1"/>
    <col min="1584" max="1584" width="3.109375" style="1" customWidth="1"/>
    <col min="1585" max="1585" width="3.6640625" style="1" customWidth="1"/>
    <col min="1586" max="1586" width="3.109375" style="1" customWidth="1"/>
    <col min="1587" max="1587" width="2.6640625" style="1" customWidth="1"/>
    <col min="1588" max="1588" width="6.6640625" style="1" customWidth="1"/>
    <col min="1589" max="1589" width="2.6640625" style="1" customWidth="1"/>
    <col min="1590" max="1799" width="9" style="1"/>
    <col min="1800" max="1800" width="11.6640625" style="1" bestFit="1" customWidth="1"/>
    <col min="1801" max="1801" width="6.44140625" style="1" bestFit="1" customWidth="1"/>
    <col min="1802" max="1802" width="2.109375" style="1" customWidth="1"/>
    <col min="1803" max="1803" width="4.6640625" style="1" customWidth="1"/>
    <col min="1804" max="1805" width="2.109375" style="1" customWidth="1"/>
    <col min="1806" max="1806" width="5.6640625" style="1" customWidth="1"/>
    <col min="1807" max="1807" width="3.6640625" style="1" customWidth="1"/>
    <col min="1808" max="1808" width="5.6640625" style="1" customWidth="1"/>
    <col min="1809" max="1809" width="3.6640625" style="1" customWidth="1"/>
    <col min="1810" max="1810" width="3.44140625" style="1" bestFit="1" customWidth="1"/>
    <col min="1811" max="1811" width="3.6640625" style="1" customWidth="1"/>
    <col min="1812" max="1812" width="3.44140625" style="1" bestFit="1" customWidth="1"/>
    <col min="1813" max="1813" width="3.6640625" style="1" customWidth="1"/>
    <col min="1814" max="1814" width="3.44140625" style="1" bestFit="1" customWidth="1"/>
    <col min="1815" max="1815" width="5.109375" style="1" customWidth="1"/>
    <col min="1816" max="1816" width="2.109375" style="1" customWidth="1"/>
    <col min="1817" max="1817" width="3.6640625" style="1" customWidth="1"/>
    <col min="1818" max="1818" width="2.88671875" style="1" customWidth="1"/>
    <col min="1819" max="1819" width="8.6640625" style="1" customWidth="1"/>
    <col min="1820" max="1820" width="2.88671875" style="1" customWidth="1"/>
    <col min="1821" max="1821" width="1.6640625" style="1" customWidth="1"/>
    <col min="1822" max="1822" width="10.33203125" style="1" customWidth="1"/>
    <col min="1823" max="1823" width="5.6640625" style="1" customWidth="1"/>
    <col min="1824" max="1824" width="2.109375" style="1" customWidth="1"/>
    <col min="1825" max="1825" width="1.88671875" style="1" customWidth="1"/>
    <col min="1826" max="1826" width="2.109375" style="1" customWidth="1"/>
    <col min="1827" max="1827" width="3.109375" style="1" customWidth="1"/>
    <col min="1828" max="1829" width="3.6640625" style="1" customWidth="1"/>
    <col min="1830" max="1830" width="5.109375" style="1" customWidth="1"/>
    <col min="1831" max="1831" width="8.88671875" style="1" customWidth="1"/>
    <col min="1832" max="1832" width="2.6640625" style="1" customWidth="1"/>
    <col min="1833" max="1835" width="2.109375" style="1" customWidth="1"/>
    <col min="1836" max="1836" width="5.6640625" style="1" customWidth="1"/>
    <col min="1837" max="1837" width="2.109375" style="1" customWidth="1"/>
    <col min="1838" max="1838" width="15.109375" style="1" customWidth="1"/>
    <col min="1839" max="1839" width="1.6640625" style="1" customWidth="1"/>
    <col min="1840" max="1840" width="3.109375" style="1" customWidth="1"/>
    <col min="1841" max="1841" width="3.6640625" style="1" customWidth="1"/>
    <col min="1842" max="1842" width="3.109375" style="1" customWidth="1"/>
    <col min="1843" max="1843" width="2.6640625" style="1" customWidth="1"/>
    <col min="1844" max="1844" width="6.6640625" style="1" customWidth="1"/>
    <col min="1845" max="1845" width="2.6640625" style="1" customWidth="1"/>
    <col min="1846" max="2055" width="9" style="1"/>
    <col min="2056" max="2056" width="11.6640625" style="1" bestFit="1" customWidth="1"/>
    <col min="2057" max="2057" width="6.44140625" style="1" bestFit="1" customWidth="1"/>
    <col min="2058" max="2058" width="2.109375" style="1" customWidth="1"/>
    <col min="2059" max="2059" width="4.6640625" style="1" customWidth="1"/>
    <col min="2060" max="2061" width="2.109375" style="1" customWidth="1"/>
    <col min="2062" max="2062" width="5.6640625" style="1" customWidth="1"/>
    <col min="2063" max="2063" width="3.6640625" style="1" customWidth="1"/>
    <col min="2064" max="2064" width="5.6640625" style="1" customWidth="1"/>
    <col min="2065" max="2065" width="3.6640625" style="1" customWidth="1"/>
    <col min="2066" max="2066" width="3.44140625" style="1" bestFit="1" customWidth="1"/>
    <col min="2067" max="2067" width="3.6640625" style="1" customWidth="1"/>
    <col min="2068" max="2068" width="3.44140625" style="1" bestFit="1" customWidth="1"/>
    <col min="2069" max="2069" width="3.6640625" style="1" customWidth="1"/>
    <col min="2070" max="2070" width="3.44140625" style="1" bestFit="1" customWidth="1"/>
    <col min="2071" max="2071" width="5.109375" style="1" customWidth="1"/>
    <col min="2072" max="2072" width="2.109375" style="1" customWidth="1"/>
    <col min="2073" max="2073" width="3.6640625" style="1" customWidth="1"/>
    <col min="2074" max="2074" width="2.88671875" style="1" customWidth="1"/>
    <col min="2075" max="2075" width="8.6640625" style="1" customWidth="1"/>
    <col min="2076" max="2076" width="2.88671875" style="1" customWidth="1"/>
    <col min="2077" max="2077" width="1.6640625" style="1" customWidth="1"/>
    <col min="2078" max="2078" width="10.33203125" style="1" customWidth="1"/>
    <col min="2079" max="2079" width="5.6640625" style="1" customWidth="1"/>
    <col min="2080" max="2080" width="2.109375" style="1" customWidth="1"/>
    <col min="2081" max="2081" width="1.88671875" style="1" customWidth="1"/>
    <col min="2082" max="2082" width="2.109375" style="1" customWidth="1"/>
    <col min="2083" max="2083" width="3.109375" style="1" customWidth="1"/>
    <col min="2084" max="2085" width="3.6640625" style="1" customWidth="1"/>
    <col min="2086" max="2086" width="5.109375" style="1" customWidth="1"/>
    <col min="2087" max="2087" width="8.88671875" style="1" customWidth="1"/>
    <col min="2088" max="2088" width="2.6640625" style="1" customWidth="1"/>
    <col min="2089" max="2091" width="2.109375" style="1" customWidth="1"/>
    <col min="2092" max="2092" width="5.6640625" style="1" customWidth="1"/>
    <col min="2093" max="2093" width="2.109375" style="1" customWidth="1"/>
    <col min="2094" max="2094" width="15.109375" style="1" customWidth="1"/>
    <col min="2095" max="2095" width="1.6640625" style="1" customWidth="1"/>
    <col min="2096" max="2096" width="3.109375" style="1" customWidth="1"/>
    <col min="2097" max="2097" width="3.6640625" style="1" customWidth="1"/>
    <col min="2098" max="2098" width="3.109375" style="1" customWidth="1"/>
    <col min="2099" max="2099" width="2.6640625" style="1" customWidth="1"/>
    <col min="2100" max="2100" width="6.6640625" style="1" customWidth="1"/>
    <col min="2101" max="2101" width="2.6640625" style="1" customWidth="1"/>
    <col min="2102" max="2311" width="9" style="1"/>
    <col min="2312" max="2312" width="11.6640625" style="1" bestFit="1" customWidth="1"/>
    <col min="2313" max="2313" width="6.44140625" style="1" bestFit="1" customWidth="1"/>
    <col min="2314" max="2314" width="2.109375" style="1" customWidth="1"/>
    <col min="2315" max="2315" width="4.6640625" style="1" customWidth="1"/>
    <col min="2316" max="2317" width="2.109375" style="1" customWidth="1"/>
    <col min="2318" max="2318" width="5.6640625" style="1" customWidth="1"/>
    <col min="2319" max="2319" width="3.6640625" style="1" customWidth="1"/>
    <col min="2320" max="2320" width="5.6640625" style="1" customWidth="1"/>
    <col min="2321" max="2321" width="3.6640625" style="1" customWidth="1"/>
    <col min="2322" max="2322" width="3.44140625" style="1" bestFit="1" customWidth="1"/>
    <col min="2323" max="2323" width="3.6640625" style="1" customWidth="1"/>
    <col min="2324" max="2324" width="3.44140625" style="1" bestFit="1" customWidth="1"/>
    <col min="2325" max="2325" width="3.6640625" style="1" customWidth="1"/>
    <col min="2326" max="2326" width="3.44140625" style="1" bestFit="1" customWidth="1"/>
    <col min="2327" max="2327" width="5.109375" style="1" customWidth="1"/>
    <col min="2328" max="2328" width="2.109375" style="1" customWidth="1"/>
    <col min="2329" max="2329" width="3.6640625" style="1" customWidth="1"/>
    <col min="2330" max="2330" width="2.88671875" style="1" customWidth="1"/>
    <col min="2331" max="2331" width="8.6640625" style="1" customWidth="1"/>
    <col min="2332" max="2332" width="2.88671875" style="1" customWidth="1"/>
    <col min="2333" max="2333" width="1.6640625" style="1" customWidth="1"/>
    <col min="2334" max="2334" width="10.33203125" style="1" customWidth="1"/>
    <col min="2335" max="2335" width="5.6640625" style="1" customWidth="1"/>
    <col min="2336" max="2336" width="2.109375" style="1" customWidth="1"/>
    <col min="2337" max="2337" width="1.88671875" style="1" customWidth="1"/>
    <col min="2338" max="2338" width="2.109375" style="1" customWidth="1"/>
    <col min="2339" max="2339" width="3.109375" style="1" customWidth="1"/>
    <col min="2340" max="2341" width="3.6640625" style="1" customWidth="1"/>
    <col min="2342" max="2342" width="5.109375" style="1" customWidth="1"/>
    <col min="2343" max="2343" width="8.88671875" style="1" customWidth="1"/>
    <col min="2344" max="2344" width="2.6640625" style="1" customWidth="1"/>
    <col min="2345" max="2347" width="2.109375" style="1" customWidth="1"/>
    <col min="2348" max="2348" width="5.6640625" style="1" customWidth="1"/>
    <col min="2349" max="2349" width="2.109375" style="1" customWidth="1"/>
    <col min="2350" max="2350" width="15.109375" style="1" customWidth="1"/>
    <col min="2351" max="2351" width="1.6640625" style="1" customWidth="1"/>
    <col min="2352" max="2352" width="3.109375" style="1" customWidth="1"/>
    <col min="2353" max="2353" width="3.6640625" style="1" customWidth="1"/>
    <col min="2354" max="2354" width="3.109375" style="1" customWidth="1"/>
    <col min="2355" max="2355" width="2.6640625" style="1" customWidth="1"/>
    <col min="2356" max="2356" width="6.6640625" style="1" customWidth="1"/>
    <col min="2357" max="2357" width="2.6640625" style="1" customWidth="1"/>
    <col min="2358" max="2567" width="9" style="1"/>
    <col min="2568" max="2568" width="11.6640625" style="1" bestFit="1" customWidth="1"/>
    <col min="2569" max="2569" width="6.44140625" style="1" bestFit="1" customWidth="1"/>
    <col min="2570" max="2570" width="2.109375" style="1" customWidth="1"/>
    <col min="2571" max="2571" width="4.6640625" style="1" customWidth="1"/>
    <col min="2572" max="2573" width="2.109375" style="1" customWidth="1"/>
    <col min="2574" max="2574" width="5.6640625" style="1" customWidth="1"/>
    <col min="2575" max="2575" width="3.6640625" style="1" customWidth="1"/>
    <col min="2576" max="2576" width="5.6640625" style="1" customWidth="1"/>
    <col min="2577" max="2577" width="3.6640625" style="1" customWidth="1"/>
    <col min="2578" max="2578" width="3.44140625" style="1" bestFit="1" customWidth="1"/>
    <col min="2579" max="2579" width="3.6640625" style="1" customWidth="1"/>
    <col min="2580" max="2580" width="3.44140625" style="1" bestFit="1" customWidth="1"/>
    <col min="2581" max="2581" width="3.6640625" style="1" customWidth="1"/>
    <col min="2582" max="2582" width="3.44140625" style="1" bestFit="1" customWidth="1"/>
    <col min="2583" max="2583" width="5.109375" style="1" customWidth="1"/>
    <col min="2584" max="2584" width="2.109375" style="1" customWidth="1"/>
    <col min="2585" max="2585" width="3.6640625" style="1" customWidth="1"/>
    <col min="2586" max="2586" width="2.88671875" style="1" customWidth="1"/>
    <col min="2587" max="2587" width="8.6640625" style="1" customWidth="1"/>
    <col min="2588" max="2588" width="2.88671875" style="1" customWidth="1"/>
    <col min="2589" max="2589" width="1.6640625" style="1" customWidth="1"/>
    <col min="2590" max="2590" width="10.33203125" style="1" customWidth="1"/>
    <col min="2591" max="2591" width="5.6640625" style="1" customWidth="1"/>
    <col min="2592" max="2592" width="2.109375" style="1" customWidth="1"/>
    <col min="2593" max="2593" width="1.88671875" style="1" customWidth="1"/>
    <col min="2594" max="2594" width="2.109375" style="1" customWidth="1"/>
    <col min="2595" max="2595" width="3.109375" style="1" customWidth="1"/>
    <col min="2596" max="2597" width="3.6640625" style="1" customWidth="1"/>
    <col min="2598" max="2598" width="5.109375" style="1" customWidth="1"/>
    <col min="2599" max="2599" width="8.88671875" style="1" customWidth="1"/>
    <col min="2600" max="2600" width="2.6640625" style="1" customWidth="1"/>
    <col min="2601" max="2603" width="2.109375" style="1" customWidth="1"/>
    <col min="2604" max="2604" width="5.6640625" style="1" customWidth="1"/>
    <col min="2605" max="2605" width="2.109375" style="1" customWidth="1"/>
    <col min="2606" max="2606" width="15.109375" style="1" customWidth="1"/>
    <col min="2607" max="2607" width="1.6640625" style="1" customWidth="1"/>
    <col min="2608" max="2608" width="3.109375" style="1" customWidth="1"/>
    <col min="2609" max="2609" width="3.6640625" style="1" customWidth="1"/>
    <col min="2610" max="2610" width="3.109375" style="1" customWidth="1"/>
    <col min="2611" max="2611" width="2.6640625" style="1" customWidth="1"/>
    <col min="2612" max="2612" width="6.6640625" style="1" customWidth="1"/>
    <col min="2613" max="2613" width="2.6640625" style="1" customWidth="1"/>
    <col min="2614" max="2823" width="9" style="1"/>
    <col min="2824" max="2824" width="11.6640625" style="1" bestFit="1" customWidth="1"/>
    <col min="2825" max="2825" width="6.44140625" style="1" bestFit="1" customWidth="1"/>
    <col min="2826" max="2826" width="2.109375" style="1" customWidth="1"/>
    <col min="2827" max="2827" width="4.6640625" style="1" customWidth="1"/>
    <col min="2828" max="2829" width="2.109375" style="1" customWidth="1"/>
    <col min="2830" max="2830" width="5.6640625" style="1" customWidth="1"/>
    <col min="2831" max="2831" width="3.6640625" style="1" customWidth="1"/>
    <col min="2832" max="2832" width="5.6640625" style="1" customWidth="1"/>
    <col min="2833" max="2833" width="3.6640625" style="1" customWidth="1"/>
    <col min="2834" max="2834" width="3.44140625" style="1" bestFit="1" customWidth="1"/>
    <col min="2835" max="2835" width="3.6640625" style="1" customWidth="1"/>
    <col min="2836" max="2836" width="3.44140625" style="1" bestFit="1" customWidth="1"/>
    <col min="2837" max="2837" width="3.6640625" style="1" customWidth="1"/>
    <col min="2838" max="2838" width="3.44140625" style="1" bestFit="1" customWidth="1"/>
    <col min="2839" max="2839" width="5.109375" style="1" customWidth="1"/>
    <col min="2840" max="2840" width="2.109375" style="1" customWidth="1"/>
    <col min="2841" max="2841" width="3.6640625" style="1" customWidth="1"/>
    <col min="2842" max="2842" width="2.88671875" style="1" customWidth="1"/>
    <col min="2843" max="2843" width="8.6640625" style="1" customWidth="1"/>
    <col min="2844" max="2844" width="2.88671875" style="1" customWidth="1"/>
    <col min="2845" max="2845" width="1.6640625" style="1" customWidth="1"/>
    <col min="2846" max="2846" width="10.33203125" style="1" customWidth="1"/>
    <col min="2847" max="2847" width="5.6640625" style="1" customWidth="1"/>
    <col min="2848" max="2848" width="2.109375" style="1" customWidth="1"/>
    <col min="2849" max="2849" width="1.88671875" style="1" customWidth="1"/>
    <col min="2850" max="2850" width="2.109375" style="1" customWidth="1"/>
    <col min="2851" max="2851" width="3.109375" style="1" customWidth="1"/>
    <col min="2852" max="2853" width="3.6640625" style="1" customWidth="1"/>
    <col min="2854" max="2854" width="5.109375" style="1" customWidth="1"/>
    <col min="2855" max="2855" width="8.88671875" style="1" customWidth="1"/>
    <col min="2856" max="2856" width="2.6640625" style="1" customWidth="1"/>
    <col min="2857" max="2859" width="2.109375" style="1" customWidth="1"/>
    <col min="2860" max="2860" width="5.6640625" style="1" customWidth="1"/>
    <col min="2861" max="2861" width="2.109375" style="1" customWidth="1"/>
    <col min="2862" max="2862" width="15.109375" style="1" customWidth="1"/>
    <col min="2863" max="2863" width="1.6640625" style="1" customWidth="1"/>
    <col min="2864" max="2864" width="3.109375" style="1" customWidth="1"/>
    <col min="2865" max="2865" width="3.6640625" style="1" customWidth="1"/>
    <col min="2866" max="2866" width="3.109375" style="1" customWidth="1"/>
    <col min="2867" max="2867" width="2.6640625" style="1" customWidth="1"/>
    <col min="2868" max="2868" width="6.6640625" style="1" customWidth="1"/>
    <col min="2869" max="2869" width="2.6640625" style="1" customWidth="1"/>
    <col min="2870" max="3079" width="9" style="1"/>
    <col min="3080" max="3080" width="11.6640625" style="1" bestFit="1" customWidth="1"/>
    <col min="3081" max="3081" width="6.44140625" style="1" bestFit="1" customWidth="1"/>
    <col min="3082" max="3082" width="2.109375" style="1" customWidth="1"/>
    <col min="3083" max="3083" width="4.6640625" style="1" customWidth="1"/>
    <col min="3084" max="3085" width="2.109375" style="1" customWidth="1"/>
    <col min="3086" max="3086" width="5.6640625" style="1" customWidth="1"/>
    <col min="3087" max="3087" width="3.6640625" style="1" customWidth="1"/>
    <col min="3088" max="3088" width="5.6640625" style="1" customWidth="1"/>
    <col min="3089" max="3089" width="3.6640625" style="1" customWidth="1"/>
    <col min="3090" max="3090" width="3.44140625" style="1" bestFit="1" customWidth="1"/>
    <col min="3091" max="3091" width="3.6640625" style="1" customWidth="1"/>
    <col min="3092" max="3092" width="3.44140625" style="1" bestFit="1" customWidth="1"/>
    <col min="3093" max="3093" width="3.6640625" style="1" customWidth="1"/>
    <col min="3094" max="3094" width="3.44140625" style="1" bestFit="1" customWidth="1"/>
    <col min="3095" max="3095" width="5.109375" style="1" customWidth="1"/>
    <col min="3096" max="3096" width="2.109375" style="1" customWidth="1"/>
    <col min="3097" max="3097" width="3.6640625" style="1" customWidth="1"/>
    <col min="3098" max="3098" width="2.88671875" style="1" customWidth="1"/>
    <col min="3099" max="3099" width="8.6640625" style="1" customWidth="1"/>
    <col min="3100" max="3100" width="2.88671875" style="1" customWidth="1"/>
    <col min="3101" max="3101" width="1.6640625" style="1" customWidth="1"/>
    <col min="3102" max="3102" width="10.33203125" style="1" customWidth="1"/>
    <col min="3103" max="3103" width="5.6640625" style="1" customWidth="1"/>
    <col min="3104" max="3104" width="2.109375" style="1" customWidth="1"/>
    <col min="3105" max="3105" width="1.88671875" style="1" customWidth="1"/>
    <col min="3106" max="3106" width="2.109375" style="1" customWidth="1"/>
    <col min="3107" max="3107" width="3.109375" style="1" customWidth="1"/>
    <col min="3108" max="3109" width="3.6640625" style="1" customWidth="1"/>
    <col min="3110" max="3110" width="5.109375" style="1" customWidth="1"/>
    <col min="3111" max="3111" width="8.88671875" style="1" customWidth="1"/>
    <col min="3112" max="3112" width="2.6640625" style="1" customWidth="1"/>
    <col min="3113" max="3115" width="2.109375" style="1" customWidth="1"/>
    <col min="3116" max="3116" width="5.6640625" style="1" customWidth="1"/>
    <col min="3117" max="3117" width="2.109375" style="1" customWidth="1"/>
    <col min="3118" max="3118" width="15.109375" style="1" customWidth="1"/>
    <col min="3119" max="3119" width="1.6640625" style="1" customWidth="1"/>
    <col min="3120" max="3120" width="3.109375" style="1" customWidth="1"/>
    <col min="3121" max="3121" width="3.6640625" style="1" customWidth="1"/>
    <col min="3122" max="3122" width="3.109375" style="1" customWidth="1"/>
    <col min="3123" max="3123" width="2.6640625" style="1" customWidth="1"/>
    <col min="3124" max="3124" width="6.6640625" style="1" customWidth="1"/>
    <col min="3125" max="3125" width="2.6640625" style="1" customWidth="1"/>
    <col min="3126" max="3335" width="9" style="1"/>
    <col min="3336" max="3336" width="11.6640625" style="1" bestFit="1" customWidth="1"/>
    <col min="3337" max="3337" width="6.44140625" style="1" bestFit="1" customWidth="1"/>
    <col min="3338" max="3338" width="2.109375" style="1" customWidth="1"/>
    <col min="3339" max="3339" width="4.6640625" style="1" customWidth="1"/>
    <col min="3340" max="3341" width="2.109375" style="1" customWidth="1"/>
    <col min="3342" max="3342" width="5.6640625" style="1" customWidth="1"/>
    <col min="3343" max="3343" width="3.6640625" style="1" customWidth="1"/>
    <col min="3344" max="3344" width="5.6640625" style="1" customWidth="1"/>
    <col min="3345" max="3345" width="3.6640625" style="1" customWidth="1"/>
    <col min="3346" max="3346" width="3.44140625" style="1" bestFit="1" customWidth="1"/>
    <col min="3347" max="3347" width="3.6640625" style="1" customWidth="1"/>
    <col min="3348" max="3348" width="3.44140625" style="1" bestFit="1" customWidth="1"/>
    <col min="3349" max="3349" width="3.6640625" style="1" customWidth="1"/>
    <col min="3350" max="3350" width="3.44140625" style="1" bestFit="1" customWidth="1"/>
    <col min="3351" max="3351" width="5.109375" style="1" customWidth="1"/>
    <col min="3352" max="3352" width="2.109375" style="1" customWidth="1"/>
    <col min="3353" max="3353" width="3.6640625" style="1" customWidth="1"/>
    <col min="3354" max="3354" width="2.88671875" style="1" customWidth="1"/>
    <col min="3355" max="3355" width="8.6640625" style="1" customWidth="1"/>
    <col min="3356" max="3356" width="2.88671875" style="1" customWidth="1"/>
    <col min="3357" max="3357" width="1.6640625" style="1" customWidth="1"/>
    <col min="3358" max="3358" width="10.33203125" style="1" customWidth="1"/>
    <col min="3359" max="3359" width="5.6640625" style="1" customWidth="1"/>
    <col min="3360" max="3360" width="2.109375" style="1" customWidth="1"/>
    <col min="3361" max="3361" width="1.88671875" style="1" customWidth="1"/>
    <col min="3362" max="3362" width="2.109375" style="1" customWidth="1"/>
    <col min="3363" max="3363" width="3.109375" style="1" customWidth="1"/>
    <col min="3364" max="3365" width="3.6640625" style="1" customWidth="1"/>
    <col min="3366" max="3366" width="5.109375" style="1" customWidth="1"/>
    <col min="3367" max="3367" width="8.88671875" style="1" customWidth="1"/>
    <col min="3368" max="3368" width="2.6640625" style="1" customWidth="1"/>
    <col min="3369" max="3371" width="2.109375" style="1" customWidth="1"/>
    <col min="3372" max="3372" width="5.6640625" style="1" customWidth="1"/>
    <col min="3373" max="3373" width="2.109375" style="1" customWidth="1"/>
    <col min="3374" max="3374" width="15.109375" style="1" customWidth="1"/>
    <col min="3375" max="3375" width="1.6640625" style="1" customWidth="1"/>
    <col min="3376" max="3376" width="3.109375" style="1" customWidth="1"/>
    <col min="3377" max="3377" width="3.6640625" style="1" customWidth="1"/>
    <col min="3378" max="3378" width="3.109375" style="1" customWidth="1"/>
    <col min="3379" max="3379" width="2.6640625" style="1" customWidth="1"/>
    <col min="3380" max="3380" width="6.6640625" style="1" customWidth="1"/>
    <col min="3381" max="3381" width="2.6640625" style="1" customWidth="1"/>
    <col min="3382" max="3591" width="9" style="1"/>
    <col min="3592" max="3592" width="11.6640625" style="1" bestFit="1" customWidth="1"/>
    <col min="3593" max="3593" width="6.44140625" style="1" bestFit="1" customWidth="1"/>
    <col min="3594" max="3594" width="2.109375" style="1" customWidth="1"/>
    <col min="3595" max="3595" width="4.6640625" style="1" customWidth="1"/>
    <col min="3596" max="3597" width="2.109375" style="1" customWidth="1"/>
    <col min="3598" max="3598" width="5.6640625" style="1" customWidth="1"/>
    <col min="3599" max="3599" width="3.6640625" style="1" customWidth="1"/>
    <col min="3600" max="3600" width="5.6640625" style="1" customWidth="1"/>
    <col min="3601" max="3601" width="3.6640625" style="1" customWidth="1"/>
    <col min="3602" max="3602" width="3.44140625" style="1" bestFit="1" customWidth="1"/>
    <col min="3603" max="3603" width="3.6640625" style="1" customWidth="1"/>
    <col min="3604" max="3604" width="3.44140625" style="1" bestFit="1" customWidth="1"/>
    <col min="3605" max="3605" width="3.6640625" style="1" customWidth="1"/>
    <col min="3606" max="3606" width="3.44140625" style="1" bestFit="1" customWidth="1"/>
    <col min="3607" max="3607" width="5.109375" style="1" customWidth="1"/>
    <col min="3608" max="3608" width="2.109375" style="1" customWidth="1"/>
    <col min="3609" max="3609" width="3.6640625" style="1" customWidth="1"/>
    <col min="3610" max="3610" width="2.88671875" style="1" customWidth="1"/>
    <col min="3611" max="3611" width="8.6640625" style="1" customWidth="1"/>
    <col min="3612" max="3612" width="2.88671875" style="1" customWidth="1"/>
    <col min="3613" max="3613" width="1.6640625" style="1" customWidth="1"/>
    <col min="3614" max="3614" width="10.33203125" style="1" customWidth="1"/>
    <col min="3615" max="3615" width="5.6640625" style="1" customWidth="1"/>
    <col min="3616" max="3616" width="2.109375" style="1" customWidth="1"/>
    <col min="3617" max="3617" width="1.88671875" style="1" customWidth="1"/>
    <col min="3618" max="3618" width="2.109375" style="1" customWidth="1"/>
    <col min="3619" max="3619" width="3.109375" style="1" customWidth="1"/>
    <col min="3620" max="3621" width="3.6640625" style="1" customWidth="1"/>
    <col min="3622" max="3622" width="5.109375" style="1" customWidth="1"/>
    <col min="3623" max="3623" width="8.88671875" style="1" customWidth="1"/>
    <col min="3624" max="3624" width="2.6640625" style="1" customWidth="1"/>
    <col min="3625" max="3627" width="2.109375" style="1" customWidth="1"/>
    <col min="3628" max="3628" width="5.6640625" style="1" customWidth="1"/>
    <col min="3629" max="3629" width="2.109375" style="1" customWidth="1"/>
    <col min="3630" max="3630" width="15.109375" style="1" customWidth="1"/>
    <col min="3631" max="3631" width="1.6640625" style="1" customWidth="1"/>
    <col min="3632" max="3632" width="3.109375" style="1" customWidth="1"/>
    <col min="3633" max="3633" width="3.6640625" style="1" customWidth="1"/>
    <col min="3634" max="3634" width="3.109375" style="1" customWidth="1"/>
    <col min="3635" max="3635" width="2.6640625" style="1" customWidth="1"/>
    <col min="3636" max="3636" width="6.6640625" style="1" customWidth="1"/>
    <col min="3637" max="3637" width="2.6640625" style="1" customWidth="1"/>
    <col min="3638" max="3847" width="9" style="1"/>
    <col min="3848" max="3848" width="11.6640625" style="1" bestFit="1" customWidth="1"/>
    <col min="3849" max="3849" width="6.44140625" style="1" bestFit="1" customWidth="1"/>
    <col min="3850" max="3850" width="2.109375" style="1" customWidth="1"/>
    <col min="3851" max="3851" width="4.6640625" style="1" customWidth="1"/>
    <col min="3852" max="3853" width="2.109375" style="1" customWidth="1"/>
    <col min="3854" max="3854" width="5.6640625" style="1" customWidth="1"/>
    <col min="3855" max="3855" width="3.6640625" style="1" customWidth="1"/>
    <col min="3856" max="3856" width="5.6640625" style="1" customWidth="1"/>
    <col min="3857" max="3857" width="3.6640625" style="1" customWidth="1"/>
    <col min="3858" max="3858" width="3.44140625" style="1" bestFit="1" customWidth="1"/>
    <col min="3859" max="3859" width="3.6640625" style="1" customWidth="1"/>
    <col min="3860" max="3860" width="3.44140625" style="1" bestFit="1" customWidth="1"/>
    <col min="3861" max="3861" width="3.6640625" style="1" customWidth="1"/>
    <col min="3862" max="3862" width="3.44140625" style="1" bestFit="1" customWidth="1"/>
    <col min="3863" max="3863" width="5.109375" style="1" customWidth="1"/>
    <col min="3864" max="3864" width="2.109375" style="1" customWidth="1"/>
    <col min="3865" max="3865" width="3.6640625" style="1" customWidth="1"/>
    <col min="3866" max="3866" width="2.88671875" style="1" customWidth="1"/>
    <col min="3867" max="3867" width="8.6640625" style="1" customWidth="1"/>
    <col min="3868" max="3868" width="2.88671875" style="1" customWidth="1"/>
    <col min="3869" max="3869" width="1.6640625" style="1" customWidth="1"/>
    <col min="3870" max="3870" width="10.33203125" style="1" customWidth="1"/>
    <col min="3871" max="3871" width="5.6640625" style="1" customWidth="1"/>
    <col min="3872" max="3872" width="2.109375" style="1" customWidth="1"/>
    <col min="3873" max="3873" width="1.88671875" style="1" customWidth="1"/>
    <col min="3874" max="3874" width="2.109375" style="1" customWidth="1"/>
    <col min="3875" max="3875" width="3.109375" style="1" customWidth="1"/>
    <col min="3876" max="3877" width="3.6640625" style="1" customWidth="1"/>
    <col min="3878" max="3878" width="5.109375" style="1" customWidth="1"/>
    <col min="3879" max="3879" width="8.88671875" style="1" customWidth="1"/>
    <col min="3880" max="3880" width="2.6640625" style="1" customWidth="1"/>
    <col min="3881" max="3883" width="2.109375" style="1" customWidth="1"/>
    <col min="3884" max="3884" width="5.6640625" style="1" customWidth="1"/>
    <col min="3885" max="3885" width="2.109375" style="1" customWidth="1"/>
    <col min="3886" max="3886" width="15.109375" style="1" customWidth="1"/>
    <col min="3887" max="3887" width="1.6640625" style="1" customWidth="1"/>
    <col min="3888" max="3888" width="3.109375" style="1" customWidth="1"/>
    <col min="3889" max="3889" width="3.6640625" style="1" customWidth="1"/>
    <col min="3890" max="3890" width="3.109375" style="1" customWidth="1"/>
    <col min="3891" max="3891" width="2.6640625" style="1" customWidth="1"/>
    <col min="3892" max="3892" width="6.6640625" style="1" customWidth="1"/>
    <col min="3893" max="3893" width="2.6640625" style="1" customWidth="1"/>
    <col min="3894" max="4103" width="9" style="1"/>
    <col min="4104" max="4104" width="11.6640625" style="1" bestFit="1" customWidth="1"/>
    <col min="4105" max="4105" width="6.44140625" style="1" bestFit="1" customWidth="1"/>
    <col min="4106" max="4106" width="2.109375" style="1" customWidth="1"/>
    <col min="4107" max="4107" width="4.6640625" style="1" customWidth="1"/>
    <col min="4108" max="4109" width="2.109375" style="1" customWidth="1"/>
    <col min="4110" max="4110" width="5.6640625" style="1" customWidth="1"/>
    <col min="4111" max="4111" width="3.6640625" style="1" customWidth="1"/>
    <col min="4112" max="4112" width="5.6640625" style="1" customWidth="1"/>
    <col min="4113" max="4113" width="3.6640625" style="1" customWidth="1"/>
    <col min="4114" max="4114" width="3.44140625" style="1" bestFit="1" customWidth="1"/>
    <col min="4115" max="4115" width="3.6640625" style="1" customWidth="1"/>
    <col min="4116" max="4116" width="3.44140625" style="1" bestFit="1" customWidth="1"/>
    <col min="4117" max="4117" width="3.6640625" style="1" customWidth="1"/>
    <col min="4118" max="4118" width="3.44140625" style="1" bestFit="1" customWidth="1"/>
    <col min="4119" max="4119" width="5.109375" style="1" customWidth="1"/>
    <col min="4120" max="4120" width="2.109375" style="1" customWidth="1"/>
    <col min="4121" max="4121" width="3.6640625" style="1" customWidth="1"/>
    <col min="4122" max="4122" width="2.88671875" style="1" customWidth="1"/>
    <col min="4123" max="4123" width="8.6640625" style="1" customWidth="1"/>
    <col min="4124" max="4124" width="2.88671875" style="1" customWidth="1"/>
    <col min="4125" max="4125" width="1.6640625" style="1" customWidth="1"/>
    <col min="4126" max="4126" width="10.33203125" style="1" customWidth="1"/>
    <col min="4127" max="4127" width="5.6640625" style="1" customWidth="1"/>
    <col min="4128" max="4128" width="2.109375" style="1" customWidth="1"/>
    <col min="4129" max="4129" width="1.88671875" style="1" customWidth="1"/>
    <col min="4130" max="4130" width="2.109375" style="1" customWidth="1"/>
    <col min="4131" max="4131" width="3.109375" style="1" customWidth="1"/>
    <col min="4132" max="4133" width="3.6640625" style="1" customWidth="1"/>
    <col min="4134" max="4134" width="5.109375" style="1" customWidth="1"/>
    <col min="4135" max="4135" width="8.88671875" style="1" customWidth="1"/>
    <col min="4136" max="4136" width="2.6640625" style="1" customWidth="1"/>
    <col min="4137" max="4139" width="2.109375" style="1" customWidth="1"/>
    <col min="4140" max="4140" width="5.6640625" style="1" customWidth="1"/>
    <col min="4141" max="4141" width="2.109375" style="1" customWidth="1"/>
    <col min="4142" max="4142" width="15.109375" style="1" customWidth="1"/>
    <col min="4143" max="4143" width="1.6640625" style="1" customWidth="1"/>
    <col min="4144" max="4144" width="3.109375" style="1" customWidth="1"/>
    <col min="4145" max="4145" width="3.6640625" style="1" customWidth="1"/>
    <col min="4146" max="4146" width="3.109375" style="1" customWidth="1"/>
    <col min="4147" max="4147" width="2.6640625" style="1" customWidth="1"/>
    <col min="4148" max="4148" width="6.6640625" style="1" customWidth="1"/>
    <col min="4149" max="4149" width="2.6640625" style="1" customWidth="1"/>
    <col min="4150" max="4359" width="9" style="1"/>
    <col min="4360" max="4360" width="11.6640625" style="1" bestFit="1" customWidth="1"/>
    <col min="4361" max="4361" width="6.44140625" style="1" bestFit="1" customWidth="1"/>
    <col min="4362" max="4362" width="2.109375" style="1" customWidth="1"/>
    <col min="4363" max="4363" width="4.6640625" style="1" customWidth="1"/>
    <col min="4364" max="4365" width="2.109375" style="1" customWidth="1"/>
    <col min="4366" max="4366" width="5.6640625" style="1" customWidth="1"/>
    <col min="4367" max="4367" width="3.6640625" style="1" customWidth="1"/>
    <col min="4368" max="4368" width="5.6640625" style="1" customWidth="1"/>
    <col min="4369" max="4369" width="3.6640625" style="1" customWidth="1"/>
    <col min="4370" max="4370" width="3.44140625" style="1" bestFit="1" customWidth="1"/>
    <col min="4371" max="4371" width="3.6640625" style="1" customWidth="1"/>
    <col min="4372" max="4372" width="3.44140625" style="1" bestFit="1" customWidth="1"/>
    <col min="4373" max="4373" width="3.6640625" style="1" customWidth="1"/>
    <col min="4374" max="4374" width="3.44140625" style="1" bestFit="1" customWidth="1"/>
    <col min="4375" max="4375" width="5.109375" style="1" customWidth="1"/>
    <col min="4376" max="4376" width="2.109375" style="1" customWidth="1"/>
    <col min="4377" max="4377" width="3.6640625" style="1" customWidth="1"/>
    <col min="4378" max="4378" width="2.88671875" style="1" customWidth="1"/>
    <col min="4379" max="4379" width="8.6640625" style="1" customWidth="1"/>
    <col min="4380" max="4380" width="2.88671875" style="1" customWidth="1"/>
    <col min="4381" max="4381" width="1.6640625" style="1" customWidth="1"/>
    <col min="4382" max="4382" width="10.33203125" style="1" customWidth="1"/>
    <col min="4383" max="4383" width="5.6640625" style="1" customWidth="1"/>
    <col min="4384" max="4384" width="2.109375" style="1" customWidth="1"/>
    <col min="4385" max="4385" width="1.88671875" style="1" customWidth="1"/>
    <col min="4386" max="4386" width="2.109375" style="1" customWidth="1"/>
    <col min="4387" max="4387" width="3.109375" style="1" customWidth="1"/>
    <col min="4388" max="4389" width="3.6640625" style="1" customWidth="1"/>
    <col min="4390" max="4390" width="5.109375" style="1" customWidth="1"/>
    <col min="4391" max="4391" width="8.88671875" style="1" customWidth="1"/>
    <col min="4392" max="4392" width="2.6640625" style="1" customWidth="1"/>
    <col min="4393" max="4395" width="2.109375" style="1" customWidth="1"/>
    <col min="4396" max="4396" width="5.6640625" style="1" customWidth="1"/>
    <col min="4397" max="4397" width="2.109375" style="1" customWidth="1"/>
    <col min="4398" max="4398" width="15.109375" style="1" customWidth="1"/>
    <col min="4399" max="4399" width="1.6640625" style="1" customWidth="1"/>
    <col min="4400" max="4400" width="3.109375" style="1" customWidth="1"/>
    <col min="4401" max="4401" width="3.6640625" style="1" customWidth="1"/>
    <col min="4402" max="4402" width="3.109375" style="1" customWidth="1"/>
    <col min="4403" max="4403" width="2.6640625" style="1" customWidth="1"/>
    <col min="4404" max="4404" width="6.6640625" style="1" customWidth="1"/>
    <col min="4405" max="4405" width="2.6640625" style="1" customWidth="1"/>
    <col min="4406" max="4615" width="9" style="1"/>
    <col min="4616" max="4616" width="11.6640625" style="1" bestFit="1" customWidth="1"/>
    <col min="4617" max="4617" width="6.44140625" style="1" bestFit="1" customWidth="1"/>
    <col min="4618" max="4618" width="2.109375" style="1" customWidth="1"/>
    <col min="4619" max="4619" width="4.6640625" style="1" customWidth="1"/>
    <col min="4620" max="4621" width="2.109375" style="1" customWidth="1"/>
    <col min="4622" max="4622" width="5.6640625" style="1" customWidth="1"/>
    <col min="4623" max="4623" width="3.6640625" style="1" customWidth="1"/>
    <col min="4624" max="4624" width="5.6640625" style="1" customWidth="1"/>
    <col min="4625" max="4625" width="3.6640625" style="1" customWidth="1"/>
    <col min="4626" max="4626" width="3.44140625" style="1" bestFit="1" customWidth="1"/>
    <col min="4627" max="4627" width="3.6640625" style="1" customWidth="1"/>
    <col min="4628" max="4628" width="3.44140625" style="1" bestFit="1" customWidth="1"/>
    <col min="4629" max="4629" width="3.6640625" style="1" customWidth="1"/>
    <col min="4630" max="4630" width="3.44140625" style="1" bestFit="1" customWidth="1"/>
    <col min="4631" max="4631" width="5.109375" style="1" customWidth="1"/>
    <col min="4632" max="4632" width="2.109375" style="1" customWidth="1"/>
    <col min="4633" max="4633" width="3.6640625" style="1" customWidth="1"/>
    <col min="4634" max="4634" width="2.88671875" style="1" customWidth="1"/>
    <col min="4635" max="4635" width="8.6640625" style="1" customWidth="1"/>
    <col min="4636" max="4636" width="2.88671875" style="1" customWidth="1"/>
    <col min="4637" max="4637" width="1.6640625" style="1" customWidth="1"/>
    <col min="4638" max="4638" width="10.33203125" style="1" customWidth="1"/>
    <col min="4639" max="4639" width="5.6640625" style="1" customWidth="1"/>
    <col min="4640" max="4640" width="2.109375" style="1" customWidth="1"/>
    <col min="4641" max="4641" width="1.88671875" style="1" customWidth="1"/>
    <col min="4642" max="4642" width="2.109375" style="1" customWidth="1"/>
    <col min="4643" max="4643" width="3.109375" style="1" customWidth="1"/>
    <col min="4644" max="4645" width="3.6640625" style="1" customWidth="1"/>
    <col min="4646" max="4646" width="5.109375" style="1" customWidth="1"/>
    <col min="4647" max="4647" width="8.88671875" style="1" customWidth="1"/>
    <col min="4648" max="4648" width="2.6640625" style="1" customWidth="1"/>
    <col min="4649" max="4651" width="2.109375" style="1" customWidth="1"/>
    <col min="4652" max="4652" width="5.6640625" style="1" customWidth="1"/>
    <col min="4653" max="4653" width="2.109375" style="1" customWidth="1"/>
    <col min="4654" max="4654" width="15.109375" style="1" customWidth="1"/>
    <col min="4655" max="4655" width="1.6640625" style="1" customWidth="1"/>
    <col min="4656" max="4656" width="3.109375" style="1" customWidth="1"/>
    <col min="4657" max="4657" width="3.6640625" style="1" customWidth="1"/>
    <col min="4658" max="4658" width="3.109375" style="1" customWidth="1"/>
    <col min="4659" max="4659" width="2.6640625" style="1" customWidth="1"/>
    <col min="4660" max="4660" width="6.6640625" style="1" customWidth="1"/>
    <col min="4661" max="4661" width="2.6640625" style="1" customWidth="1"/>
    <col min="4662" max="4871" width="9" style="1"/>
    <col min="4872" max="4872" width="11.6640625" style="1" bestFit="1" customWidth="1"/>
    <col min="4873" max="4873" width="6.44140625" style="1" bestFit="1" customWidth="1"/>
    <col min="4874" max="4874" width="2.109375" style="1" customWidth="1"/>
    <col min="4875" max="4875" width="4.6640625" style="1" customWidth="1"/>
    <col min="4876" max="4877" width="2.109375" style="1" customWidth="1"/>
    <col min="4878" max="4878" width="5.6640625" style="1" customWidth="1"/>
    <col min="4879" max="4879" width="3.6640625" style="1" customWidth="1"/>
    <col min="4880" max="4880" width="5.6640625" style="1" customWidth="1"/>
    <col min="4881" max="4881" width="3.6640625" style="1" customWidth="1"/>
    <col min="4882" max="4882" width="3.44140625" style="1" bestFit="1" customWidth="1"/>
    <col min="4883" max="4883" width="3.6640625" style="1" customWidth="1"/>
    <col min="4884" max="4884" width="3.44140625" style="1" bestFit="1" customWidth="1"/>
    <col min="4885" max="4885" width="3.6640625" style="1" customWidth="1"/>
    <col min="4886" max="4886" width="3.44140625" style="1" bestFit="1" customWidth="1"/>
    <col min="4887" max="4887" width="5.109375" style="1" customWidth="1"/>
    <col min="4888" max="4888" width="2.109375" style="1" customWidth="1"/>
    <col min="4889" max="4889" width="3.6640625" style="1" customWidth="1"/>
    <col min="4890" max="4890" width="2.88671875" style="1" customWidth="1"/>
    <col min="4891" max="4891" width="8.6640625" style="1" customWidth="1"/>
    <col min="4892" max="4892" width="2.88671875" style="1" customWidth="1"/>
    <col min="4893" max="4893" width="1.6640625" style="1" customWidth="1"/>
    <col min="4894" max="4894" width="10.33203125" style="1" customWidth="1"/>
    <col min="4895" max="4895" width="5.6640625" style="1" customWidth="1"/>
    <col min="4896" max="4896" width="2.109375" style="1" customWidth="1"/>
    <col min="4897" max="4897" width="1.88671875" style="1" customWidth="1"/>
    <col min="4898" max="4898" width="2.109375" style="1" customWidth="1"/>
    <col min="4899" max="4899" width="3.109375" style="1" customWidth="1"/>
    <col min="4900" max="4901" width="3.6640625" style="1" customWidth="1"/>
    <col min="4902" max="4902" width="5.109375" style="1" customWidth="1"/>
    <col min="4903" max="4903" width="8.88671875" style="1" customWidth="1"/>
    <col min="4904" max="4904" width="2.6640625" style="1" customWidth="1"/>
    <col min="4905" max="4907" width="2.109375" style="1" customWidth="1"/>
    <col min="4908" max="4908" width="5.6640625" style="1" customWidth="1"/>
    <col min="4909" max="4909" width="2.109375" style="1" customWidth="1"/>
    <col min="4910" max="4910" width="15.109375" style="1" customWidth="1"/>
    <col min="4911" max="4911" width="1.6640625" style="1" customWidth="1"/>
    <col min="4912" max="4912" width="3.109375" style="1" customWidth="1"/>
    <col min="4913" max="4913" width="3.6640625" style="1" customWidth="1"/>
    <col min="4914" max="4914" width="3.109375" style="1" customWidth="1"/>
    <col min="4915" max="4915" width="2.6640625" style="1" customWidth="1"/>
    <col min="4916" max="4916" width="6.6640625" style="1" customWidth="1"/>
    <col min="4917" max="4917" width="2.6640625" style="1" customWidth="1"/>
    <col min="4918" max="5127" width="9" style="1"/>
    <col min="5128" max="5128" width="11.6640625" style="1" bestFit="1" customWidth="1"/>
    <col min="5129" max="5129" width="6.44140625" style="1" bestFit="1" customWidth="1"/>
    <col min="5130" max="5130" width="2.109375" style="1" customWidth="1"/>
    <col min="5131" max="5131" width="4.6640625" style="1" customWidth="1"/>
    <col min="5132" max="5133" width="2.109375" style="1" customWidth="1"/>
    <col min="5134" max="5134" width="5.6640625" style="1" customWidth="1"/>
    <col min="5135" max="5135" width="3.6640625" style="1" customWidth="1"/>
    <col min="5136" max="5136" width="5.6640625" style="1" customWidth="1"/>
    <col min="5137" max="5137" width="3.6640625" style="1" customWidth="1"/>
    <col min="5138" max="5138" width="3.44140625" style="1" bestFit="1" customWidth="1"/>
    <col min="5139" max="5139" width="3.6640625" style="1" customWidth="1"/>
    <col min="5140" max="5140" width="3.44140625" style="1" bestFit="1" customWidth="1"/>
    <col min="5141" max="5141" width="3.6640625" style="1" customWidth="1"/>
    <col min="5142" max="5142" width="3.44140625" style="1" bestFit="1" customWidth="1"/>
    <col min="5143" max="5143" width="5.109375" style="1" customWidth="1"/>
    <col min="5144" max="5144" width="2.109375" style="1" customWidth="1"/>
    <col min="5145" max="5145" width="3.6640625" style="1" customWidth="1"/>
    <col min="5146" max="5146" width="2.88671875" style="1" customWidth="1"/>
    <col min="5147" max="5147" width="8.6640625" style="1" customWidth="1"/>
    <col min="5148" max="5148" width="2.88671875" style="1" customWidth="1"/>
    <col min="5149" max="5149" width="1.6640625" style="1" customWidth="1"/>
    <col min="5150" max="5150" width="10.33203125" style="1" customWidth="1"/>
    <col min="5151" max="5151" width="5.6640625" style="1" customWidth="1"/>
    <col min="5152" max="5152" width="2.109375" style="1" customWidth="1"/>
    <col min="5153" max="5153" width="1.88671875" style="1" customWidth="1"/>
    <col min="5154" max="5154" width="2.109375" style="1" customWidth="1"/>
    <col min="5155" max="5155" width="3.109375" style="1" customWidth="1"/>
    <col min="5156" max="5157" width="3.6640625" style="1" customWidth="1"/>
    <col min="5158" max="5158" width="5.109375" style="1" customWidth="1"/>
    <col min="5159" max="5159" width="8.88671875" style="1" customWidth="1"/>
    <col min="5160" max="5160" width="2.6640625" style="1" customWidth="1"/>
    <col min="5161" max="5163" width="2.109375" style="1" customWidth="1"/>
    <col min="5164" max="5164" width="5.6640625" style="1" customWidth="1"/>
    <col min="5165" max="5165" width="2.109375" style="1" customWidth="1"/>
    <col min="5166" max="5166" width="15.109375" style="1" customWidth="1"/>
    <col min="5167" max="5167" width="1.6640625" style="1" customWidth="1"/>
    <col min="5168" max="5168" width="3.109375" style="1" customWidth="1"/>
    <col min="5169" max="5169" width="3.6640625" style="1" customWidth="1"/>
    <col min="5170" max="5170" width="3.109375" style="1" customWidth="1"/>
    <col min="5171" max="5171" width="2.6640625" style="1" customWidth="1"/>
    <col min="5172" max="5172" width="6.6640625" style="1" customWidth="1"/>
    <col min="5173" max="5173" width="2.6640625" style="1" customWidth="1"/>
    <col min="5174" max="5383" width="9" style="1"/>
    <col min="5384" max="5384" width="11.6640625" style="1" bestFit="1" customWidth="1"/>
    <col min="5385" max="5385" width="6.44140625" style="1" bestFit="1" customWidth="1"/>
    <col min="5386" max="5386" width="2.109375" style="1" customWidth="1"/>
    <col min="5387" max="5387" width="4.6640625" style="1" customWidth="1"/>
    <col min="5388" max="5389" width="2.109375" style="1" customWidth="1"/>
    <col min="5390" max="5390" width="5.6640625" style="1" customWidth="1"/>
    <col min="5391" max="5391" width="3.6640625" style="1" customWidth="1"/>
    <col min="5392" max="5392" width="5.6640625" style="1" customWidth="1"/>
    <col min="5393" max="5393" width="3.6640625" style="1" customWidth="1"/>
    <col min="5394" max="5394" width="3.44140625" style="1" bestFit="1" customWidth="1"/>
    <col min="5395" max="5395" width="3.6640625" style="1" customWidth="1"/>
    <col min="5396" max="5396" width="3.44140625" style="1" bestFit="1" customWidth="1"/>
    <col min="5397" max="5397" width="3.6640625" style="1" customWidth="1"/>
    <col min="5398" max="5398" width="3.44140625" style="1" bestFit="1" customWidth="1"/>
    <col min="5399" max="5399" width="5.109375" style="1" customWidth="1"/>
    <col min="5400" max="5400" width="2.109375" style="1" customWidth="1"/>
    <col min="5401" max="5401" width="3.6640625" style="1" customWidth="1"/>
    <col min="5402" max="5402" width="2.88671875" style="1" customWidth="1"/>
    <col min="5403" max="5403" width="8.6640625" style="1" customWidth="1"/>
    <col min="5404" max="5404" width="2.88671875" style="1" customWidth="1"/>
    <col min="5405" max="5405" width="1.6640625" style="1" customWidth="1"/>
    <col min="5406" max="5406" width="10.33203125" style="1" customWidth="1"/>
    <col min="5407" max="5407" width="5.6640625" style="1" customWidth="1"/>
    <col min="5408" max="5408" width="2.109375" style="1" customWidth="1"/>
    <col min="5409" max="5409" width="1.88671875" style="1" customWidth="1"/>
    <col min="5410" max="5410" width="2.109375" style="1" customWidth="1"/>
    <col min="5411" max="5411" width="3.109375" style="1" customWidth="1"/>
    <col min="5412" max="5413" width="3.6640625" style="1" customWidth="1"/>
    <col min="5414" max="5414" width="5.109375" style="1" customWidth="1"/>
    <col min="5415" max="5415" width="8.88671875" style="1" customWidth="1"/>
    <col min="5416" max="5416" width="2.6640625" style="1" customWidth="1"/>
    <col min="5417" max="5419" width="2.109375" style="1" customWidth="1"/>
    <col min="5420" max="5420" width="5.6640625" style="1" customWidth="1"/>
    <col min="5421" max="5421" width="2.109375" style="1" customWidth="1"/>
    <col min="5422" max="5422" width="15.109375" style="1" customWidth="1"/>
    <col min="5423" max="5423" width="1.6640625" style="1" customWidth="1"/>
    <col min="5424" max="5424" width="3.109375" style="1" customWidth="1"/>
    <col min="5425" max="5425" width="3.6640625" style="1" customWidth="1"/>
    <col min="5426" max="5426" width="3.109375" style="1" customWidth="1"/>
    <col min="5427" max="5427" width="2.6640625" style="1" customWidth="1"/>
    <col min="5428" max="5428" width="6.6640625" style="1" customWidth="1"/>
    <col min="5429" max="5429" width="2.6640625" style="1" customWidth="1"/>
    <col min="5430" max="5639" width="9" style="1"/>
    <col min="5640" max="5640" width="11.6640625" style="1" bestFit="1" customWidth="1"/>
    <col min="5641" max="5641" width="6.44140625" style="1" bestFit="1" customWidth="1"/>
    <col min="5642" max="5642" width="2.109375" style="1" customWidth="1"/>
    <col min="5643" max="5643" width="4.6640625" style="1" customWidth="1"/>
    <col min="5644" max="5645" width="2.109375" style="1" customWidth="1"/>
    <col min="5646" max="5646" width="5.6640625" style="1" customWidth="1"/>
    <col min="5647" max="5647" width="3.6640625" style="1" customWidth="1"/>
    <col min="5648" max="5648" width="5.6640625" style="1" customWidth="1"/>
    <col min="5649" max="5649" width="3.6640625" style="1" customWidth="1"/>
    <col min="5650" max="5650" width="3.44140625" style="1" bestFit="1" customWidth="1"/>
    <col min="5651" max="5651" width="3.6640625" style="1" customWidth="1"/>
    <col min="5652" max="5652" width="3.44140625" style="1" bestFit="1" customWidth="1"/>
    <col min="5653" max="5653" width="3.6640625" style="1" customWidth="1"/>
    <col min="5654" max="5654" width="3.44140625" style="1" bestFit="1" customWidth="1"/>
    <col min="5655" max="5655" width="5.109375" style="1" customWidth="1"/>
    <col min="5656" max="5656" width="2.109375" style="1" customWidth="1"/>
    <col min="5657" max="5657" width="3.6640625" style="1" customWidth="1"/>
    <col min="5658" max="5658" width="2.88671875" style="1" customWidth="1"/>
    <col min="5659" max="5659" width="8.6640625" style="1" customWidth="1"/>
    <col min="5660" max="5660" width="2.88671875" style="1" customWidth="1"/>
    <col min="5661" max="5661" width="1.6640625" style="1" customWidth="1"/>
    <col min="5662" max="5662" width="10.33203125" style="1" customWidth="1"/>
    <col min="5663" max="5663" width="5.6640625" style="1" customWidth="1"/>
    <col min="5664" max="5664" width="2.109375" style="1" customWidth="1"/>
    <col min="5665" max="5665" width="1.88671875" style="1" customWidth="1"/>
    <col min="5666" max="5666" width="2.109375" style="1" customWidth="1"/>
    <col min="5667" max="5667" width="3.109375" style="1" customWidth="1"/>
    <col min="5668" max="5669" width="3.6640625" style="1" customWidth="1"/>
    <col min="5670" max="5670" width="5.109375" style="1" customWidth="1"/>
    <col min="5671" max="5671" width="8.88671875" style="1" customWidth="1"/>
    <col min="5672" max="5672" width="2.6640625" style="1" customWidth="1"/>
    <col min="5673" max="5675" width="2.109375" style="1" customWidth="1"/>
    <col min="5676" max="5676" width="5.6640625" style="1" customWidth="1"/>
    <col min="5677" max="5677" width="2.109375" style="1" customWidth="1"/>
    <col min="5678" max="5678" width="15.109375" style="1" customWidth="1"/>
    <col min="5679" max="5679" width="1.6640625" style="1" customWidth="1"/>
    <col min="5680" max="5680" width="3.109375" style="1" customWidth="1"/>
    <col min="5681" max="5681" width="3.6640625" style="1" customWidth="1"/>
    <col min="5682" max="5682" width="3.109375" style="1" customWidth="1"/>
    <col min="5683" max="5683" width="2.6640625" style="1" customWidth="1"/>
    <col min="5684" max="5684" width="6.6640625" style="1" customWidth="1"/>
    <col min="5685" max="5685" width="2.6640625" style="1" customWidth="1"/>
    <col min="5686" max="5895" width="9" style="1"/>
    <col min="5896" max="5896" width="11.6640625" style="1" bestFit="1" customWidth="1"/>
    <col min="5897" max="5897" width="6.44140625" style="1" bestFit="1" customWidth="1"/>
    <col min="5898" max="5898" width="2.109375" style="1" customWidth="1"/>
    <col min="5899" max="5899" width="4.6640625" style="1" customWidth="1"/>
    <col min="5900" max="5901" width="2.109375" style="1" customWidth="1"/>
    <col min="5902" max="5902" width="5.6640625" style="1" customWidth="1"/>
    <col min="5903" max="5903" width="3.6640625" style="1" customWidth="1"/>
    <col min="5904" max="5904" width="5.6640625" style="1" customWidth="1"/>
    <col min="5905" max="5905" width="3.6640625" style="1" customWidth="1"/>
    <col min="5906" max="5906" width="3.44140625" style="1" bestFit="1" customWidth="1"/>
    <col min="5907" max="5907" width="3.6640625" style="1" customWidth="1"/>
    <col min="5908" max="5908" width="3.44140625" style="1" bestFit="1" customWidth="1"/>
    <col min="5909" max="5909" width="3.6640625" style="1" customWidth="1"/>
    <col min="5910" max="5910" width="3.44140625" style="1" bestFit="1" customWidth="1"/>
    <col min="5911" max="5911" width="5.109375" style="1" customWidth="1"/>
    <col min="5912" max="5912" width="2.109375" style="1" customWidth="1"/>
    <col min="5913" max="5913" width="3.6640625" style="1" customWidth="1"/>
    <col min="5914" max="5914" width="2.88671875" style="1" customWidth="1"/>
    <col min="5915" max="5915" width="8.6640625" style="1" customWidth="1"/>
    <col min="5916" max="5916" width="2.88671875" style="1" customWidth="1"/>
    <col min="5917" max="5917" width="1.6640625" style="1" customWidth="1"/>
    <col min="5918" max="5918" width="10.33203125" style="1" customWidth="1"/>
    <col min="5919" max="5919" width="5.6640625" style="1" customWidth="1"/>
    <col min="5920" max="5920" width="2.109375" style="1" customWidth="1"/>
    <col min="5921" max="5921" width="1.88671875" style="1" customWidth="1"/>
    <col min="5922" max="5922" width="2.109375" style="1" customWidth="1"/>
    <col min="5923" max="5923" width="3.109375" style="1" customWidth="1"/>
    <col min="5924" max="5925" width="3.6640625" style="1" customWidth="1"/>
    <col min="5926" max="5926" width="5.109375" style="1" customWidth="1"/>
    <col min="5927" max="5927" width="8.88671875" style="1" customWidth="1"/>
    <col min="5928" max="5928" width="2.6640625" style="1" customWidth="1"/>
    <col min="5929" max="5931" width="2.109375" style="1" customWidth="1"/>
    <col min="5932" max="5932" width="5.6640625" style="1" customWidth="1"/>
    <col min="5933" max="5933" width="2.109375" style="1" customWidth="1"/>
    <col min="5934" max="5934" width="15.109375" style="1" customWidth="1"/>
    <col min="5935" max="5935" width="1.6640625" style="1" customWidth="1"/>
    <col min="5936" max="5936" width="3.109375" style="1" customWidth="1"/>
    <col min="5937" max="5937" width="3.6640625" style="1" customWidth="1"/>
    <col min="5938" max="5938" width="3.109375" style="1" customWidth="1"/>
    <col min="5939" max="5939" width="2.6640625" style="1" customWidth="1"/>
    <col min="5940" max="5940" width="6.6640625" style="1" customWidth="1"/>
    <col min="5941" max="5941" width="2.6640625" style="1" customWidth="1"/>
    <col min="5942" max="6151" width="9" style="1"/>
    <col min="6152" max="6152" width="11.6640625" style="1" bestFit="1" customWidth="1"/>
    <col min="6153" max="6153" width="6.44140625" style="1" bestFit="1" customWidth="1"/>
    <col min="6154" max="6154" width="2.109375" style="1" customWidth="1"/>
    <col min="6155" max="6155" width="4.6640625" style="1" customWidth="1"/>
    <col min="6156" max="6157" width="2.109375" style="1" customWidth="1"/>
    <col min="6158" max="6158" width="5.6640625" style="1" customWidth="1"/>
    <col min="6159" max="6159" width="3.6640625" style="1" customWidth="1"/>
    <col min="6160" max="6160" width="5.6640625" style="1" customWidth="1"/>
    <col min="6161" max="6161" width="3.6640625" style="1" customWidth="1"/>
    <col min="6162" max="6162" width="3.44140625" style="1" bestFit="1" customWidth="1"/>
    <col min="6163" max="6163" width="3.6640625" style="1" customWidth="1"/>
    <col min="6164" max="6164" width="3.44140625" style="1" bestFit="1" customWidth="1"/>
    <col min="6165" max="6165" width="3.6640625" style="1" customWidth="1"/>
    <col min="6166" max="6166" width="3.44140625" style="1" bestFit="1" customWidth="1"/>
    <col min="6167" max="6167" width="5.109375" style="1" customWidth="1"/>
    <col min="6168" max="6168" width="2.109375" style="1" customWidth="1"/>
    <col min="6169" max="6169" width="3.6640625" style="1" customWidth="1"/>
    <col min="6170" max="6170" width="2.88671875" style="1" customWidth="1"/>
    <col min="6171" max="6171" width="8.6640625" style="1" customWidth="1"/>
    <col min="6172" max="6172" width="2.88671875" style="1" customWidth="1"/>
    <col min="6173" max="6173" width="1.6640625" style="1" customWidth="1"/>
    <col min="6174" max="6174" width="10.33203125" style="1" customWidth="1"/>
    <col min="6175" max="6175" width="5.6640625" style="1" customWidth="1"/>
    <col min="6176" max="6176" width="2.109375" style="1" customWidth="1"/>
    <col min="6177" max="6177" width="1.88671875" style="1" customWidth="1"/>
    <col min="6178" max="6178" width="2.109375" style="1" customWidth="1"/>
    <col min="6179" max="6179" width="3.109375" style="1" customWidth="1"/>
    <col min="6180" max="6181" width="3.6640625" style="1" customWidth="1"/>
    <col min="6182" max="6182" width="5.109375" style="1" customWidth="1"/>
    <col min="6183" max="6183" width="8.88671875" style="1" customWidth="1"/>
    <col min="6184" max="6184" width="2.6640625" style="1" customWidth="1"/>
    <col min="6185" max="6187" width="2.109375" style="1" customWidth="1"/>
    <col min="6188" max="6188" width="5.6640625" style="1" customWidth="1"/>
    <col min="6189" max="6189" width="2.109375" style="1" customWidth="1"/>
    <col min="6190" max="6190" width="15.109375" style="1" customWidth="1"/>
    <col min="6191" max="6191" width="1.6640625" style="1" customWidth="1"/>
    <col min="6192" max="6192" width="3.109375" style="1" customWidth="1"/>
    <col min="6193" max="6193" width="3.6640625" style="1" customWidth="1"/>
    <col min="6194" max="6194" width="3.109375" style="1" customWidth="1"/>
    <col min="6195" max="6195" width="2.6640625" style="1" customWidth="1"/>
    <col min="6196" max="6196" width="6.6640625" style="1" customWidth="1"/>
    <col min="6197" max="6197" width="2.6640625" style="1" customWidth="1"/>
    <col min="6198" max="6407" width="9" style="1"/>
    <col min="6408" max="6408" width="11.6640625" style="1" bestFit="1" customWidth="1"/>
    <col min="6409" max="6409" width="6.44140625" style="1" bestFit="1" customWidth="1"/>
    <col min="6410" max="6410" width="2.109375" style="1" customWidth="1"/>
    <col min="6411" max="6411" width="4.6640625" style="1" customWidth="1"/>
    <col min="6412" max="6413" width="2.109375" style="1" customWidth="1"/>
    <col min="6414" max="6414" width="5.6640625" style="1" customWidth="1"/>
    <col min="6415" max="6415" width="3.6640625" style="1" customWidth="1"/>
    <col min="6416" max="6416" width="5.6640625" style="1" customWidth="1"/>
    <col min="6417" max="6417" width="3.6640625" style="1" customWidth="1"/>
    <col min="6418" max="6418" width="3.44140625" style="1" bestFit="1" customWidth="1"/>
    <col min="6419" max="6419" width="3.6640625" style="1" customWidth="1"/>
    <col min="6420" max="6420" width="3.44140625" style="1" bestFit="1" customWidth="1"/>
    <col min="6421" max="6421" width="3.6640625" style="1" customWidth="1"/>
    <col min="6422" max="6422" width="3.44140625" style="1" bestFit="1" customWidth="1"/>
    <col min="6423" max="6423" width="5.109375" style="1" customWidth="1"/>
    <col min="6424" max="6424" width="2.109375" style="1" customWidth="1"/>
    <col min="6425" max="6425" width="3.6640625" style="1" customWidth="1"/>
    <col min="6426" max="6426" width="2.88671875" style="1" customWidth="1"/>
    <col min="6427" max="6427" width="8.6640625" style="1" customWidth="1"/>
    <col min="6428" max="6428" width="2.88671875" style="1" customWidth="1"/>
    <col min="6429" max="6429" width="1.6640625" style="1" customWidth="1"/>
    <col min="6430" max="6430" width="10.33203125" style="1" customWidth="1"/>
    <col min="6431" max="6431" width="5.6640625" style="1" customWidth="1"/>
    <col min="6432" max="6432" width="2.109375" style="1" customWidth="1"/>
    <col min="6433" max="6433" width="1.88671875" style="1" customWidth="1"/>
    <col min="6434" max="6434" width="2.109375" style="1" customWidth="1"/>
    <col min="6435" max="6435" width="3.109375" style="1" customWidth="1"/>
    <col min="6436" max="6437" width="3.6640625" style="1" customWidth="1"/>
    <col min="6438" max="6438" width="5.109375" style="1" customWidth="1"/>
    <col min="6439" max="6439" width="8.88671875" style="1" customWidth="1"/>
    <col min="6440" max="6440" width="2.6640625" style="1" customWidth="1"/>
    <col min="6441" max="6443" width="2.109375" style="1" customWidth="1"/>
    <col min="6444" max="6444" width="5.6640625" style="1" customWidth="1"/>
    <col min="6445" max="6445" width="2.109375" style="1" customWidth="1"/>
    <col min="6446" max="6446" width="15.109375" style="1" customWidth="1"/>
    <col min="6447" max="6447" width="1.6640625" style="1" customWidth="1"/>
    <col min="6448" max="6448" width="3.109375" style="1" customWidth="1"/>
    <col min="6449" max="6449" width="3.6640625" style="1" customWidth="1"/>
    <col min="6450" max="6450" width="3.109375" style="1" customWidth="1"/>
    <col min="6451" max="6451" width="2.6640625" style="1" customWidth="1"/>
    <col min="6452" max="6452" width="6.6640625" style="1" customWidth="1"/>
    <col min="6453" max="6453" width="2.6640625" style="1" customWidth="1"/>
    <col min="6454" max="6663" width="9" style="1"/>
    <col min="6664" max="6664" width="11.6640625" style="1" bestFit="1" customWidth="1"/>
    <col min="6665" max="6665" width="6.44140625" style="1" bestFit="1" customWidth="1"/>
    <col min="6666" max="6666" width="2.109375" style="1" customWidth="1"/>
    <col min="6667" max="6667" width="4.6640625" style="1" customWidth="1"/>
    <col min="6668" max="6669" width="2.109375" style="1" customWidth="1"/>
    <col min="6670" max="6670" width="5.6640625" style="1" customWidth="1"/>
    <col min="6671" max="6671" width="3.6640625" style="1" customWidth="1"/>
    <col min="6672" max="6672" width="5.6640625" style="1" customWidth="1"/>
    <col min="6673" max="6673" width="3.6640625" style="1" customWidth="1"/>
    <col min="6674" max="6674" width="3.44140625" style="1" bestFit="1" customWidth="1"/>
    <col min="6675" max="6675" width="3.6640625" style="1" customWidth="1"/>
    <col min="6676" max="6676" width="3.44140625" style="1" bestFit="1" customWidth="1"/>
    <col min="6677" max="6677" width="3.6640625" style="1" customWidth="1"/>
    <col min="6678" max="6678" width="3.44140625" style="1" bestFit="1" customWidth="1"/>
    <col min="6679" max="6679" width="5.109375" style="1" customWidth="1"/>
    <col min="6680" max="6680" width="2.109375" style="1" customWidth="1"/>
    <col min="6681" max="6681" width="3.6640625" style="1" customWidth="1"/>
    <col min="6682" max="6682" width="2.88671875" style="1" customWidth="1"/>
    <col min="6683" max="6683" width="8.6640625" style="1" customWidth="1"/>
    <col min="6684" max="6684" width="2.88671875" style="1" customWidth="1"/>
    <col min="6685" max="6685" width="1.6640625" style="1" customWidth="1"/>
    <col min="6686" max="6686" width="10.33203125" style="1" customWidth="1"/>
    <col min="6687" max="6687" width="5.6640625" style="1" customWidth="1"/>
    <col min="6688" max="6688" width="2.109375" style="1" customWidth="1"/>
    <col min="6689" max="6689" width="1.88671875" style="1" customWidth="1"/>
    <col min="6690" max="6690" width="2.109375" style="1" customWidth="1"/>
    <col min="6691" max="6691" width="3.109375" style="1" customWidth="1"/>
    <col min="6692" max="6693" width="3.6640625" style="1" customWidth="1"/>
    <col min="6694" max="6694" width="5.109375" style="1" customWidth="1"/>
    <col min="6695" max="6695" width="8.88671875" style="1" customWidth="1"/>
    <col min="6696" max="6696" width="2.6640625" style="1" customWidth="1"/>
    <col min="6697" max="6699" width="2.109375" style="1" customWidth="1"/>
    <col min="6700" max="6700" width="5.6640625" style="1" customWidth="1"/>
    <col min="6701" max="6701" width="2.109375" style="1" customWidth="1"/>
    <col min="6702" max="6702" width="15.109375" style="1" customWidth="1"/>
    <col min="6703" max="6703" width="1.6640625" style="1" customWidth="1"/>
    <col min="6704" max="6704" width="3.109375" style="1" customWidth="1"/>
    <col min="6705" max="6705" width="3.6640625" style="1" customWidth="1"/>
    <col min="6706" max="6706" width="3.109375" style="1" customWidth="1"/>
    <col min="6707" max="6707" width="2.6640625" style="1" customWidth="1"/>
    <col min="6708" max="6708" width="6.6640625" style="1" customWidth="1"/>
    <col min="6709" max="6709" width="2.6640625" style="1" customWidth="1"/>
    <col min="6710" max="6919" width="9" style="1"/>
    <col min="6920" max="6920" width="11.6640625" style="1" bestFit="1" customWidth="1"/>
    <col min="6921" max="6921" width="6.44140625" style="1" bestFit="1" customWidth="1"/>
    <col min="6922" max="6922" width="2.109375" style="1" customWidth="1"/>
    <col min="6923" max="6923" width="4.6640625" style="1" customWidth="1"/>
    <col min="6924" max="6925" width="2.109375" style="1" customWidth="1"/>
    <col min="6926" max="6926" width="5.6640625" style="1" customWidth="1"/>
    <col min="6927" max="6927" width="3.6640625" style="1" customWidth="1"/>
    <col min="6928" max="6928" width="5.6640625" style="1" customWidth="1"/>
    <col min="6929" max="6929" width="3.6640625" style="1" customWidth="1"/>
    <col min="6930" max="6930" width="3.44140625" style="1" bestFit="1" customWidth="1"/>
    <col min="6931" max="6931" width="3.6640625" style="1" customWidth="1"/>
    <col min="6932" max="6932" width="3.44140625" style="1" bestFit="1" customWidth="1"/>
    <col min="6933" max="6933" width="3.6640625" style="1" customWidth="1"/>
    <col min="6934" max="6934" width="3.44140625" style="1" bestFit="1" customWidth="1"/>
    <col min="6935" max="6935" width="5.109375" style="1" customWidth="1"/>
    <col min="6936" max="6936" width="2.109375" style="1" customWidth="1"/>
    <col min="6937" max="6937" width="3.6640625" style="1" customWidth="1"/>
    <col min="6938" max="6938" width="2.88671875" style="1" customWidth="1"/>
    <col min="6939" max="6939" width="8.6640625" style="1" customWidth="1"/>
    <col min="6940" max="6940" width="2.88671875" style="1" customWidth="1"/>
    <col min="6941" max="6941" width="1.6640625" style="1" customWidth="1"/>
    <col min="6942" max="6942" width="10.33203125" style="1" customWidth="1"/>
    <col min="6943" max="6943" width="5.6640625" style="1" customWidth="1"/>
    <col min="6944" max="6944" width="2.109375" style="1" customWidth="1"/>
    <col min="6945" max="6945" width="1.88671875" style="1" customWidth="1"/>
    <col min="6946" max="6946" width="2.109375" style="1" customWidth="1"/>
    <col min="6947" max="6947" width="3.109375" style="1" customWidth="1"/>
    <col min="6948" max="6949" width="3.6640625" style="1" customWidth="1"/>
    <col min="6950" max="6950" width="5.109375" style="1" customWidth="1"/>
    <col min="6951" max="6951" width="8.88671875" style="1" customWidth="1"/>
    <col min="6952" max="6952" width="2.6640625" style="1" customWidth="1"/>
    <col min="6953" max="6955" width="2.109375" style="1" customWidth="1"/>
    <col min="6956" max="6956" width="5.6640625" style="1" customWidth="1"/>
    <col min="6957" max="6957" width="2.109375" style="1" customWidth="1"/>
    <col min="6958" max="6958" width="15.109375" style="1" customWidth="1"/>
    <col min="6959" max="6959" width="1.6640625" style="1" customWidth="1"/>
    <col min="6960" max="6960" width="3.109375" style="1" customWidth="1"/>
    <col min="6961" max="6961" width="3.6640625" style="1" customWidth="1"/>
    <col min="6962" max="6962" width="3.109375" style="1" customWidth="1"/>
    <col min="6963" max="6963" width="2.6640625" style="1" customWidth="1"/>
    <col min="6964" max="6964" width="6.6640625" style="1" customWidth="1"/>
    <col min="6965" max="6965" width="2.6640625" style="1" customWidth="1"/>
    <col min="6966" max="7175" width="9" style="1"/>
    <col min="7176" max="7176" width="11.6640625" style="1" bestFit="1" customWidth="1"/>
    <col min="7177" max="7177" width="6.44140625" style="1" bestFit="1" customWidth="1"/>
    <col min="7178" max="7178" width="2.109375" style="1" customWidth="1"/>
    <col min="7179" max="7179" width="4.6640625" style="1" customWidth="1"/>
    <col min="7180" max="7181" width="2.109375" style="1" customWidth="1"/>
    <col min="7182" max="7182" width="5.6640625" style="1" customWidth="1"/>
    <col min="7183" max="7183" width="3.6640625" style="1" customWidth="1"/>
    <col min="7184" max="7184" width="5.6640625" style="1" customWidth="1"/>
    <col min="7185" max="7185" width="3.6640625" style="1" customWidth="1"/>
    <col min="7186" max="7186" width="3.44140625" style="1" bestFit="1" customWidth="1"/>
    <col min="7187" max="7187" width="3.6640625" style="1" customWidth="1"/>
    <col min="7188" max="7188" width="3.44140625" style="1" bestFit="1" customWidth="1"/>
    <col min="7189" max="7189" width="3.6640625" style="1" customWidth="1"/>
    <col min="7190" max="7190" width="3.44140625" style="1" bestFit="1" customWidth="1"/>
    <col min="7191" max="7191" width="5.109375" style="1" customWidth="1"/>
    <col min="7192" max="7192" width="2.109375" style="1" customWidth="1"/>
    <col min="7193" max="7193" width="3.6640625" style="1" customWidth="1"/>
    <col min="7194" max="7194" width="2.88671875" style="1" customWidth="1"/>
    <col min="7195" max="7195" width="8.6640625" style="1" customWidth="1"/>
    <col min="7196" max="7196" width="2.88671875" style="1" customWidth="1"/>
    <col min="7197" max="7197" width="1.6640625" style="1" customWidth="1"/>
    <col min="7198" max="7198" width="10.33203125" style="1" customWidth="1"/>
    <col min="7199" max="7199" width="5.6640625" style="1" customWidth="1"/>
    <col min="7200" max="7200" width="2.109375" style="1" customWidth="1"/>
    <col min="7201" max="7201" width="1.88671875" style="1" customWidth="1"/>
    <col min="7202" max="7202" width="2.109375" style="1" customWidth="1"/>
    <col min="7203" max="7203" width="3.109375" style="1" customWidth="1"/>
    <col min="7204" max="7205" width="3.6640625" style="1" customWidth="1"/>
    <col min="7206" max="7206" width="5.109375" style="1" customWidth="1"/>
    <col min="7207" max="7207" width="8.88671875" style="1" customWidth="1"/>
    <col min="7208" max="7208" width="2.6640625" style="1" customWidth="1"/>
    <col min="7209" max="7211" width="2.109375" style="1" customWidth="1"/>
    <col min="7212" max="7212" width="5.6640625" style="1" customWidth="1"/>
    <col min="7213" max="7213" width="2.109375" style="1" customWidth="1"/>
    <col min="7214" max="7214" width="15.109375" style="1" customWidth="1"/>
    <col min="7215" max="7215" width="1.6640625" style="1" customWidth="1"/>
    <col min="7216" max="7216" width="3.109375" style="1" customWidth="1"/>
    <col min="7217" max="7217" width="3.6640625" style="1" customWidth="1"/>
    <col min="7218" max="7218" width="3.109375" style="1" customWidth="1"/>
    <col min="7219" max="7219" width="2.6640625" style="1" customWidth="1"/>
    <col min="7220" max="7220" width="6.6640625" style="1" customWidth="1"/>
    <col min="7221" max="7221" width="2.6640625" style="1" customWidth="1"/>
    <col min="7222" max="7431" width="9" style="1"/>
    <col min="7432" max="7432" width="11.6640625" style="1" bestFit="1" customWidth="1"/>
    <col min="7433" max="7433" width="6.44140625" style="1" bestFit="1" customWidth="1"/>
    <col min="7434" max="7434" width="2.109375" style="1" customWidth="1"/>
    <col min="7435" max="7435" width="4.6640625" style="1" customWidth="1"/>
    <col min="7436" max="7437" width="2.109375" style="1" customWidth="1"/>
    <col min="7438" max="7438" width="5.6640625" style="1" customWidth="1"/>
    <col min="7439" max="7439" width="3.6640625" style="1" customWidth="1"/>
    <col min="7440" max="7440" width="5.6640625" style="1" customWidth="1"/>
    <col min="7441" max="7441" width="3.6640625" style="1" customWidth="1"/>
    <col min="7442" max="7442" width="3.44140625" style="1" bestFit="1" customWidth="1"/>
    <col min="7443" max="7443" width="3.6640625" style="1" customWidth="1"/>
    <col min="7444" max="7444" width="3.44140625" style="1" bestFit="1" customWidth="1"/>
    <col min="7445" max="7445" width="3.6640625" style="1" customWidth="1"/>
    <col min="7446" max="7446" width="3.44140625" style="1" bestFit="1" customWidth="1"/>
    <col min="7447" max="7447" width="5.109375" style="1" customWidth="1"/>
    <col min="7448" max="7448" width="2.109375" style="1" customWidth="1"/>
    <col min="7449" max="7449" width="3.6640625" style="1" customWidth="1"/>
    <col min="7450" max="7450" width="2.88671875" style="1" customWidth="1"/>
    <col min="7451" max="7451" width="8.6640625" style="1" customWidth="1"/>
    <col min="7452" max="7452" width="2.88671875" style="1" customWidth="1"/>
    <col min="7453" max="7453" width="1.6640625" style="1" customWidth="1"/>
    <col min="7454" max="7454" width="10.33203125" style="1" customWidth="1"/>
    <col min="7455" max="7455" width="5.6640625" style="1" customWidth="1"/>
    <col min="7456" max="7456" width="2.109375" style="1" customWidth="1"/>
    <col min="7457" max="7457" width="1.88671875" style="1" customWidth="1"/>
    <col min="7458" max="7458" width="2.109375" style="1" customWidth="1"/>
    <col min="7459" max="7459" width="3.109375" style="1" customWidth="1"/>
    <col min="7460" max="7461" width="3.6640625" style="1" customWidth="1"/>
    <col min="7462" max="7462" width="5.109375" style="1" customWidth="1"/>
    <col min="7463" max="7463" width="8.88671875" style="1" customWidth="1"/>
    <col min="7464" max="7464" width="2.6640625" style="1" customWidth="1"/>
    <col min="7465" max="7467" width="2.109375" style="1" customWidth="1"/>
    <col min="7468" max="7468" width="5.6640625" style="1" customWidth="1"/>
    <col min="7469" max="7469" width="2.109375" style="1" customWidth="1"/>
    <col min="7470" max="7470" width="15.109375" style="1" customWidth="1"/>
    <col min="7471" max="7471" width="1.6640625" style="1" customWidth="1"/>
    <col min="7472" max="7472" width="3.109375" style="1" customWidth="1"/>
    <col min="7473" max="7473" width="3.6640625" style="1" customWidth="1"/>
    <col min="7474" max="7474" width="3.109375" style="1" customWidth="1"/>
    <col min="7475" max="7475" width="2.6640625" style="1" customWidth="1"/>
    <col min="7476" max="7476" width="6.6640625" style="1" customWidth="1"/>
    <col min="7477" max="7477" width="2.6640625" style="1" customWidth="1"/>
    <col min="7478" max="7687" width="9" style="1"/>
    <col min="7688" max="7688" width="11.6640625" style="1" bestFit="1" customWidth="1"/>
    <col min="7689" max="7689" width="6.44140625" style="1" bestFit="1" customWidth="1"/>
    <col min="7690" max="7690" width="2.109375" style="1" customWidth="1"/>
    <col min="7691" max="7691" width="4.6640625" style="1" customWidth="1"/>
    <col min="7692" max="7693" width="2.109375" style="1" customWidth="1"/>
    <col min="7694" max="7694" width="5.6640625" style="1" customWidth="1"/>
    <col min="7695" max="7695" width="3.6640625" style="1" customWidth="1"/>
    <col min="7696" max="7696" width="5.6640625" style="1" customWidth="1"/>
    <col min="7697" max="7697" width="3.6640625" style="1" customWidth="1"/>
    <col min="7698" max="7698" width="3.44140625" style="1" bestFit="1" customWidth="1"/>
    <col min="7699" max="7699" width="3.6640625" style="1" customWidth="1"/>
    <col min="7700" max="7700" width="3.44140625" style="1" bestFit="1" customWidth="1"/>
    <col min="7701" max="7701" width="3.6640625" style="1" customWidth="1"/>
    <col min="7702" max="7702" width="3.44140625" style="1" bestFit="1" customWidth="1"/>
    <col min="7703" max="7703" width="5.109375" style="1" customWidth="1"/>
    <col min="7704" max="7704" width="2.109375" style="1" customWidth="1"/>
    <col min="7705" max="7705" width="3.6640625" style="1" customWidth="1"/>
    <col min="7706" max="7706" width="2.88671875" style="1" customWidth="1"/>
    <col min="7707" max="7707" width="8.6640625" style="1" customWidth="1"/>
    <col min="7708" max="7708" width="2.88671875" style="1" customWidth="1"/>
    <col min="7709" max="7709" width="1.6640625" style="1" customWidth="1"/>
    <col min="7710" max="7710" width="10.33203125" style="1" customWidth="1"/>
    <col min="7711" max="7711" width="5.6640625" style="1" customWidth="1"/>
    <col min="7712" max="7712" width="2.109375" style="1" customWidth="1"/>
    <col min="7713" max="7713" width="1.88671875" style="1" customWidth="1"/>
    <col min="7714" max="7714" width="2.109375" style="1" customWidth="1"/>
    <col min="7715" max="7715" width="3.109375" style="1" customWidth="1"/>
    <col min="7716" max="7717" width="3.6640625" style="1" customWidth="1"/>
    <col min="7718" max="7718" width="5.109375" style="1" customWidth="1"/>
    <col min="7719" max="7719" width="8.88671875" style="1" customWidth="1"/>
    <col min="7720" max="7720" width="2.6640625" style="1" customWidth="1"/>
    <col min="7721" max="7723" width="2.109375" style="1" customWidth="1"/>
    <col min="7724" max="7724" width="5.6640625" style="1" customWidth="1"/>
    <col min="7725" max="7725" width="2.109375" style="1" customWidth="1"/>
    <col min="7726" max="7726" width="15.109375" style="1" customWidth="1"/>
    <col min="7727" max="7727" width="1.6640625" style="1" customWidth="1"/>
    <col min="7728" max="7728" width="3.109375" style="1" customWidth="1"/>
    <col min="7729" max="7729" width="3.6640625" style="1" customWidth="1"/>
    <col min="7730" max="7730" width="3.109375" style="1" customWidth="1"/>
    <col min="7731" max="7731" width="2.6640625" style="1" customWidth="1"/>
    <col min="7732" max="7732" width="6.6640625" style="1" customWidth="1"/>
    <col min="7733" max="7733" width="2.6640625" style="1" customWidth="1"/>
    <col min="7734" max="7943" width="9" style="1"/>
    <col min="7944" max="7944" width="11.6640625" style="1" bestFit="1" customWidth="1"/>
    <col min="7945" max="7945" width="6.44140625" style="1" bestFit="1" customWidth="1"/>
    <col min="7946" max="7946" width="2.109375" style="1" customWidth="1"/>
    <col min="7947" max="7947" width="4.6640625" style="1" customWidth="1"/>
    <col min="7948" max="7949" width="2.109375" style="1" customWidth="1"/>
    <col min="7950" max="7950" width="5.6640625" style="1" customWidth="1"/>
    <col min="7951" max="7951" width="3.6640625" style="1" customWidth="1"/>
    <col min="7952" max="7952" width="5.6640625" style="1" customWidth="1"/>
    <col min="7953" max="7953" width="3.6640625" style="1" customWidth="1"/>
    <col min="7954" max="7954" width="3.44140625" style="1" bestFit="1" customWidth="1"/>
    <col min="7955" max="7955" width="3.6640625" style="1" customWidth="1"/>
    <col min="7956" max="7956" width="3.44140625" style="1" bestFit="1" customWidth="1"/>
    <col min="7957" max="7957" width="3.6640625" style="1" customWidth="1"/>
    <col min="7958" max="7958" width="3.44140625" style="1" bestFit="1" customWidth="1"/>
    <col min="7959" max="7959" width="5.109375" style="1" customWidth="1"/>
    <col min="7960" max="7960" width="2.109375" style="1" customWidth="1"/>
    <col min="7961" max="7961" width="3.6640625" style="1" customWidth="1"/>
    <col min="7962" max="7962" width="2.88671875" style="1" customWidth="1"/>
    <col min="7963" max="7963" width="8.6640625" style="1" customWidth="1"/>
    <col min="7964" max="7964" width="2.88671875" style="1" customWidth="1"/>
    <col min="7965" max="7965" width="1.6640625" style="1" customWidth="1"/>
    <col min="7966" max="7966" width="10.33203125" style="1" customWidth="1"/>
    <col min="7967" max="7967" width="5.6640625" style="1" customWidth="1"/>
    <col min="7968" max="7968" width="2.109375" style="1" customWidth="1"/>
    <col min="7969" max="7969" width="1.88671875" style="1" customWidth="1"/>
    <col min="7970" max="7970" width="2.109375" style="1" customWidth="1"/>
    <col min="7971" max="7971" width="3.109375" style="1" customWidth="1"/>
    <col min="7972" max="7973" width="3.6640625" style="1" customWidth="1"/>
    <col min="7974" max="7974" width="5.109375" style="1" customWidth="1"/>
    <col min="7975" max="7975" width="8.88671875" style="1" customWidth="1"/>
    <col min="7976" max="7976" width="2.6640625" style="1" customWidth="1"/>
    <col min="7977" max="7979" width="2.109375" style="1" customWidth="1"/>
    <col min="7980" max="7980" width="5.6640625" style="1" customWidth="1"/>
    <col min="7981" max="7981" width="2.109375" style="1" customWidth="1"/>
    <col min="7982" max="7982" width="15.109375" style="1" customWidth="1"/>
    <col min="7983" max="7983" width="1.6640625" style="1" customWidth="1"/>
    <col min="7984" max="7984" width="3.109375" style="1" customWidth="1"/>
    <col min="7985" max="7985" width="3.6640625" style="1" customWidth="1"/>
    <col min="7986" max="7986" width="3.109375" style="1" customWidth="1"/>
    <col min="7987" max="7987" width="2.6640625" style="1" customWidth="1"/>
    <col min="7988" max="7988" width="6.6640625" style="1" customWidth="1"/>
    <col min="7989" max="7989" width="2.6640625" style="1" customWidth="1"/>
    <col min="7990" max="8199" width="9" style="1"/>
    <col min="8200" max="8200" width="11.6640625" style="1" bestFit="1" customWidth="1"/>
    <col min="8201" max="8201" width="6.44140625" style="1" bestFit="1" customWidth="1"/>
    <col min="8202" max="8202" width="2.109375" style="1" customWidth="1"/>
    <col min="8203" max="8203" width="4.6640625" style="1" customWidth="1"/>
    <col min="8204" max="8205" width="2.109375" style="1" customWidth="1"/>
    <col min="8206" max="8206" width="5.6640625" style="1" customWidth="1"/>
    <col min="8207" max="8207" width="3.6640625" style="1" customWidth="1"/>
    <col min="8208" max="8208" width="5.6640625" style="1" customWidth="1"/>
    <col min="8209" max="8209" width="3.6640625" style="1" customWidth="1"/>
    <col min="8210" max="8210" width="3.44140625" style="1" bestFit="1" customWidth="1"/>
    <col min="8211" max="8211" width="3.6640625" style="1" customWidth="1"/>
    <col min="8212" max="8212" width="3.44140625" style="1" bestFit="1" customWidth="1"/>
    <col min="8213" max="8213" width="3.6640625" style="1" customWidth="1"/>
    <col min="8214" max="8214" width="3.44140625" style="1" bestFit="1" customWidth="1"/>
    <col min="8215" max="8215" width="5.109375" style="1" customWidth="1"/>
    <col min="8216" max="8216" width="2.109375" style="1" customWidth="1"/>
    <col min="8217" max="8217" width="3.6640625" style="1" customWidth="1"/>
    <col min="8218" max="8218" width="2.88671875" style="1" customWidth="1"/>
    <col min="8219" max="8219" width="8.6640625" style="1" customWidth="1"/>
    <col min="8220" max="8220" width="2.88671875" style="1" customWidth="1"/>
    <col min="8221" max="8221" width="1.6640625" style="1" customWidth="1"/>
    <col min="8222" max="8222" width="10.33203125" style="1" customWidth="1"/>
    <col min="8223" max="8223" width="5.6640625" style="1" customWidth="1"/>
    <col min="8224" max="8224" width="2.109375" style="1" customWidth="1"/>
    <col min="8225" max="8225" width="1.88671875" style="1" customWidth="1"/>
    <col min="8226" max="8226" width="2.109375" style="1" customWidth="1"/>
    <col min="8227" max="8227" width="3.109375" style="1" customWidth="1"/>
    <col min="8228" max="8229" width="3.6640625" style="1" customWidth="1"/>
    <col min="8230" max="8230" width="5.109375" style="1" customWidth="1"/>
    <col min="8231" max="8231" width="8.88671875" style="1" customWidth="1"/>
    <col min="8232" max="8232" width="2.6640625" style="1" customWidth="1"/>
    <col min="8233" max="8235" width="2.109375" style="1" customWidth="1"/>
    <col min="8236" max="8236" width="5.6640625" style="1" customWidth="1"/>
    <col min="8237" max="8237" width="2.109375" style="1" customWidth="1"/>
    <col min="8238" max="8238" width="15.109375" style="1" customWidth="1"/>
    <col min="8239" max="8239" width="1.6640625" style="1" customWidth="1"/>
    <col min="8240" max="8240" width="3.109375" style="1" customWidth="1"/>
    <col min="8241" max="8241" width="3.6640625" style="1" customWidth="1"/>
    <col min="8242" max="8242" width="3.109375" style="1" customWidth="1"/>
    <col min="8243" max="8243" width="2.6640625" style="1" customWidth="1"/>
    <col min="8244" max="8244" width="6.6640625" style="1" customWidth="1"/>
    <col min="8245" max="8245" width="2.6640625" style="1" customWidth="1"/>
    <col min="8246" max="8455" width="9" style="1"/>
    <col min="8456" max="8456" width="11.6640625" style="1" bestFit="1" customWidth="1"/>
    <col min="8457" max="8457" width="6.44140625" style="1" bestFit="1" customWidth="1"/>
    <col min="8458" max="8458" width="2.109375" style="1" customWidth="1"/>
    <col min="8459" max="8459" width="4.6640625" style="1" customWidth="1"/>
    <col min="8460" max="8461" width="2.109375" style="1" customWidth="1"/>
    <col min="8462" max="8462" width="5.6640625" style="1" customWidth="1"/>
    <col min="8463" max="8463" width="3.6640625" style="1" customWidth="1"/>
    <col min="8464" max="8464" width="5.6640625" style="1" customWidth="1"/>
    <col min="8465" max="8465" width="3.6640625" style="1" customWidth="1"/>
    <col min="8466" max="8466" width="3.44140625" style="1" bestFit="1" customWidth="1"/>
    <col min="8467" max="8467" width="3.6640625" style="1" customWidth="1"/>
    <col min="8468" max="8468" width="3.44140625" style="1" bestFit="1" customWidth="1"/>
    <col min="8469" max="8469" width="3.6640625" style="1" customWidth="1"/>
    <col min="8470" max="8470" width="3.44140625" style="1" bestFit="1" customWidth="1"/>
    <col min="8471" max="8471" width="5.109375" style="1" customWidth="1"/>
    <col min="8472" max="8472" width="2.109375" style="1" customWidth="1"/>
    <col min="8473" max="8473" width="3.6640625" style="1" customWidth="1"/>
    <col min="8474" max="8474" width="2.88671875" style="1" customWidth="1"/>
    <col min="8475" max="8475" width="8.6640625" style="1" customWidth="1"/>
    <col min="8476" max="8476" width="2.88671875" style="1" customWidth="1"/>
    <col min="8477" max="8477" width="1.6640625" style="1" customWidth="1"/>
    <col min="8478" max="8478" width="10.33203125" style="1" customWidth="1"/>
    <col min="8479" max="8479" width="5.6640625" style="1" customWidth="1"/>
    <col min="8480" max="8480" width="2.109375" style="1" customWidth="1"/>
    <col min="8481" max="8481" width="1.88671875" style="1" customWidth="1"/>
    <col min="8482" max="8482" width="2.109375" style="1" customWidth="1"/>
    <col min="8483" max="8483" width="3.109375" style="1" customWidth="1"/>
    <col min="8484" max="8485" width="3.6640625" style="1" customWidth="1"/>
    <col min="8486" max="8486" width="5.109375" style="1" customWidth="1"/>
    <col min="8487" max="8487" width="8.88671875" style="1" customWidth="1"/>
    <col min="8488" max="8488" width="2.6640625" style="1" customWidth="1"/>
    <col min="8489" max="8491" width="2.109375" style="1" customWidth="1"/>
    <col min="8492" max="8492" width="5.6640625" style="1" customWidth="1"/>
    <col min="8493" max="8493" width="2.109375" style="1" customWidth="1"/>
    <col min="8494" max="8494" width="15.109375" style="1" customWidth="1"/>
    <col min="8495" max="8495" width="1.6640625" style="1" customWidth="1"/>
    <col min="8496" max="8496" width="3.109375" style="1" customWidth="1"/>
    <col min="8497" max="8497" width="3.6640625" style="1" customWidth="1"/>
    <col min="8498" max="8498" width="3.109375" style="1" customWidth="1"/>
    <col min="8499" max="8499" width="2.6640625" style="1" customWidth="1"/>
    <col min="8500" max="8500" width="6.6640625" style="1" customWidth="1"/>
    <col min="8501" max="8501" width="2.6640625" style="1" customWidth="1"/>
    <col min="8502" max="8711" width="9" style="1"/>
    <col min="8712" max="8712" width="11.6640625" style="1" bestFit="1" customWidth="1"/>
    <col min="8713" max="8713" width="6.44140625" style="1" bestFit="1" customWidth="1"/>
    <col min="8714" max="8714" width="2.109375" style="1" customWidth="1"/>
    <col min="8715" max="8715" width="4.6640625" style="1" customWidth="1"/>
    <col min="8716" max="8717" width="2.109375" style="1" customWidth="1"/>
    <col min="8718" max="8718" width="5.6640625" style="1" customWidth="1"/>
    <col min="8719" max="8719" width="3.6640625" style="1" customWidth="1"/>
    <col min="8720" max="8720" width="5.6640625" style="1" customWidth="1"/>
    <col min="8721" max="8721" width="3.6640625" style="1" customWidth="1"/>
    <col min="8722" max="8722" width="3.44140625" style="1" bestFit="1" customWidth="1"/>
    <col min="8723" max="8723" width="3.6640625" style="1" customWidth="1"/>
    <col min="8724" max="8724" width="3.44140625" style="1" bestFit="1" customWidth="1"/>
    <col min="8725" max="8725" width="3.6640625" style="1" customWidth="1"/>
    <col min="8726" max="8726" width="3.44140625" style="1" bestFit="1" customWidth="1"/>
    <col min="8727" max="8727" width="5.109375" style="1" customWidth="1"/>
    <col min="8728" max="8728" width="2.109375" style="1" customWidth="1"/>
    <col min="8729" max="8729" width="3.6640625" style="1" customWidth="1"/>
    <col min="8730" max="8730" width="2.88671875" style="1" customWidth="1"/>
    <col min="8731" max="8731" width="8.6640625" style="1" customWidth="1"/>
    <col min="8732" max="8732" width="2.88671875" style="1" customWidth="1"/>
    <col min="8733" max="8733" width="1.6640625" style="1" customWidth="1"/>
    <col min="8734" max="8734" width="10.33203125" style="1" customWidth="1"/>
    <col min="8735" max="8735" width="5.6640625" style="1" customWidth="1"/>
    <col min="8736" max="8736" width="2.109375" style="1" customWidth="1"/>
    <col min="8737" max="8737" width="1.88671875" style="1" customWidth="1"/>
    <col min="8738" max="8738" width="2.109375" style="1" customWidth="1"/>
    <col min="8739" max="8739" width="3.109375" style="1" customWidth="1"/>
    <col min="8740" max="8741" width="3.6640625" style="1" customWidth="1"/>
    <col min="8742" max="8742" width="5.109375" style="1" customWidth="1"/>
    <col min="8743" max="8743" width="8.88671875" style="1" customWidth="1"/>
    <col min="8744" max="8744" width="2.6640625" style="1" customWidth="1"/>
    <col min="8745" max="8747" width="2.109375" style="1" customWidth="1"/>
    <col min="8748" max="8748" width="5.6640625" style="1" customWidth="1"/>
    <col min="8749" max="8749" width="2.109375" style="1" customWidth="1"/>
    <col min="8750" max="8750" width="15.109375" style="1" customWidth="1"/>
    <col min="8751" max="8751" width="1.6640625" style="1" customWidth="1"/>
    <col min="8752" max="8752" width="3.109375" style="1" customWidth="1"/>
    <col min="8753" max="8753" width="3.6640625" style="1" customWidth="1"/>
    <col min="8754" max="8754" width="3.109375" style="1" customWidth="1"/>
    <col min="8755" max="8755" width="2.6640625" style="1" customWidth="1"/>
    <col min="8756" max="8756" width="6.6640625" style="1" customWidth="1"/>
    <col min="8757" max="8757" width="2.6640625" style="1" customWidth="1"/>
    <col min="8758" max="8967" width="9" style="1"/>
    <col min="8968" max="8968" width="11.6640625" style="1" bestFit="1" customWidth="1"/>
    <col min="8969" max="8969" width="6.44140625" style="1" bestFit="1" customWidth="1"/>
    <col min="8970" max="8970" width="2.109375" style="1" customWidth="1"/>
    <col min="8971" max="8971" width="4.6640625" style="1" customWidth="1"/>
    <col min="8972" max="8973" width="2.109375" style="1" customWidth="1"/>
    <col min="8974" max="8974" width="5.6640625" style="1" customWidth="1"/>
    <col min="8975" max="8975" width="3.6640625" style="1" customWidth="1"/>
    <col min="8976" max="8976" width="5.6640625" style="1" customWidth="1"/>
    <col min="8977" max="8977" width="3.6640625" style="1" customWidth="1"/>
    <col min="8978" max="8978" width="3.44140625" style="1" bestFit="1" customWidth="1"/>
    <col min="8979" max="8979" width="3.6640625" style="1" customWidth="1"/>
    <col min="8980" max="8980" width="3.44140625" style="1" bestFit="1" customWidth="1"/>
    <col min="8981" max="8981" width="3.6640625" style="1" customWidth="1"/>
    <col min="8982" max="8982" width="3.44140625" style="1" bestFit="1" customWidth="1"/>
    <col min="8983" max="8983" width="5.109375" style="1" customWidth="1"/>
    <col min="8984" max="8984" width="2.109375" style="1" customWidth="1"/>
    <col min="8985" max="8985" width="3.6640625" style="1" customWidth="1"/>
    <col min="8986" max="8986" width="2.88671875" style="1" customWidth="1"/>
    <col min="8987" max="8987" width="8.6640625" style="1" customWidth="1"/>
    <col min="8988" max="8988" width="2.88671875" style="1" customWidth="1"/>
    <col min="8989" max="8989" width="1.6640625" style="1" customWidth="1"/>
    <col min="8990" max="8990" width="10.33203125" style="1" customWidth="1"/>
    <col min="8991" max="8991" width="5.6640625" style="1" customWidth="1"/>
    <col min="8992" max="8992" width="2.109375" style="1" customWidth="1"/>
    <col min="8993" max="8993" width="1.88671875" style="1" customWidth="1"/>
    <col min="8994" max="8994" width="2.109375" style="1" customWidth="1"/>
    <col min="8995" max="8995" width="3.109375" style="1" customWidth="1"/>
    <col min="8996" max="8997" width="3.6640625" style="1" customWidth="1"/>
    <col min="8998" max="8998" width="5.109375" style="1" customWidth="1"/>
    <col min="8999" max="8999" width="8.88671875" style="1" customWidth="1"/>
    <col min="9000" max="9000" width="2.6640625" style="1" customWidth="1"/>
    <col min="9001" max="9003" width="2.109375" style="1" customWidth="1"/>
    <col min="9004" max="9004" width="5.6640625" style="1" customWidth="1"/>
    <col min="9005" max="9005" width="2.109375" style="1" customWidth="1"/>
    <col min="9006" max="9006" width="15.109375" style="1" customWidth="1"/>
    <col min="9007" max="9007" width="1.6640625" style="1" customWidth="1"/>
    <col min="9008" max="9008" width="3.109375" style="1" customWidth="1"/>
    <col min="9009" max="9009" width="3.6640625" style="1" customWidth="1"/>
    <col min="9010" max="9010" width="3.109375" style="1" customWidth="1"/>
    <col min="9011" max="9011" width="2.6640625" style="1" customWidth="1"/>
    <col min="9012" max="9012" width="6.6640625" style="1" customWidth="1"/>
    <col min="9013" max="9013" width="2.6640625" style="1" customWidth="1"/>
    <col min="9014" max="9223" width="9" style="1"/>
    <col min="9224" max="9224" width="11.6640625" style="1" bestFit="1" customWidth="1"/>
    <col min="9225" max="9225" width="6.44140625" style="1" bestFit="1" customWidth="1"/>
    <col min="9226" max="9226" width="2.109375" style="1" customWidth="1"/>
    <col min="9227" max="9227" width="4.6640625" style="1" customWidth="1"/>
    <col min="9228" max="9229" width="2.109375" style="1" customWidth="1"/>
    <col min="9230" max="9230" width="5.6640625" style="1" customWidth="1"/>
    <col min="9231" max="9231" width="3.6640625" style="1" customWidth="1"/>
    <col min="9232" max="9232" width="5.6640625" style="1" customWidth="1"/>
    <col min="9233" max="9233" width="3.6640625" style="1" customWidth="1"/>
    <col min="9234" max="9234" width="3.44140625" style="1" bestFit="1" customWidth="1"/>
    <col min="9235" max="9235" width="3.6640625" style="1" customWidth="1"/>
    <col min="9236" max="9236" width="3.44140625" style="1" bestFit="1" customWidth="1"/>
    <col min="9237" max="9237" width="3.6640625" style="1" customWidth="1"/>
    <col min="9238" max="9238" width="3.44140625" style="1" bestFit="1" customWidth="1"/>
    <col min="9239" max="9239" width="5.109375" style="1" customWidth="1"/>
    <col min="9240" max="9240" width="2.109375" style="1" customWidth="1"/>
    <col min="9241" max="9241" width="3.6640625" style="1" customWidth="1"/>
    <col min="9242" max="9242" width="2.88671875" style="1" customWidth="1"/>
    <col min="9243" max="9243" width="8.6640625" style="1" customWidth="1"/>
    <col min="9244" max="9244" width="2.88671875" style="1" customWidth="1"/>
    <col min="9245" max="9245" width="1.6640625" style="1" customWidth="1"/>
    <col min="9246" max="9246" width="10.33203125" style="1" customWidth="1"/>
    <col min="9247" max="9247" width="5.6640625" style="1" customWidth="1"/>
    <col min="9248" max="9248" width="2.109375" style="1" customWidth="1"/>
    <col min="9249" max="9249" width="1.88671875" style="1" customWidth="1"/>
    <col min="9250" max="9250" width="2.109375" style="1" customWidth="1"/>
    <col min="9251" max="9251" width="3.109375" style="1" customWidth="1"/>
    <col min="9252" max="9253" width="3.6640625" style="1" customWidth="1"/>
    <col min="9254" max="9254" width="5.109375" style="1" customWidth="1"/>
    <col min="9255" max="9255" width="8.88671875" style="1" customWidth="1"/>
    <col min="9256" max="9256" width="2.6640625" style="1" customWidth="1"/>
    <col min="9257" max="9259" width="2.109375" style="1" customWidth="1"/>
    <col min="9260" max="9260" width="5.6640625" style="1" customWidth="1"/>
    <col min="9261" max="9261" width="2.109375" style="1" customWidth="1"/>
    <col min="9262" max="9262" width="15.109375" style="1" customWidth="1"/>
    <col min="9263" max="9263" width="1.6640625" style="1" customWidth="1"/>
    <col min="9264" max="9264" width="3.109375" style="1" customWidth="1"/>
    <col min="9265" max="9265" width="3.6640625" style="1" customWidth="1"/>
    <col min="9266" max="9266" width="3.109375" style="1" customWidth="1"/>
    <col min="9267" max="9267" width="2.6640625" style="1" customWidth="1"/>
    <col min="9268" max="9268" width="6.6640625" style="1" customWidth="1"/>
    <col min="9269" max="9269" width="2.6640625" style="1" customWidth="1"/>
    <col min="9270" max="9479" width="9" style="1"/>
    <col min="9480" max="9480" width="11.6640625" style="1" bestFit="1" customWidth="1"/>
    <col min="9481" max="9481" width="6.44140625" style="1" bestFit="1" customWidth="1"/>
    <col min="9482" max="9482" width="2.109375" style="1" customWidth="1"/>
    <col min="9483" max="9483" width="4.6640625" style="1" customWidth="1"/>
    <col min="9484" max="9485" width="2.109375" style="1" customWidth="1"/>
    <col min="9486" max="9486" width="5.6640625" style="1" customWidth="1"/>
    <col min="9487" max="9487" width="3.6640625" style="1" customWidth="1"/>
    <col min="9488" max="9488" width="5.6640625" style="1" customWidth="1"/>
    <col min="9489" max="9489" width="3.6640625" style="1" customWidth="1"/>
    <col min="9490" max="9490" width="3.44140625" style="1" bestFit="1" customWidth="1"/>
    <col min="9491" max="9491" width="3.6640625" style="1" customWidth="1"/>
    <col min="9492" max="9492" width="3.44140625" style="1" bestFit="1" customWidth="1"/>
    <col min="9493" max="9493" width="3.6640625" style="1" customWidth="1"/>
    <col min="9494" max="9494" width="3.44140625" style="1" bestFit="1" customWidth="1"/>
    <col min="9495" max="9495" width="5.109375" style="1" customWidth="1"/>
    <col min="9496" max="9496" width="2.109375" style="1" customWidth="1"/>
    <col min="9497" max="9497" width="3.6640625" style="1" customWidth="1"/>
    <col min="9498" max="9498" width="2.88671875" style="1" customWidth="1"/>
    <col min="9499" max="9499" width="8.6640625" style="1" customWidth="1"/>
    <col min="9500" max="9500" width="2.88671875" style="1" customWidth="1"/>
    <col min="9501" max="9501" width="1.6640625" style="1" customWidth="1"/>
    <col min="9502" max="9502" width="10.33203125" style="1" customWidth="1"/>
    <col min="9503" max="9503" width="5.6640625" style="1" customWidth="1"/>
    <col min="9504" max="9504" width="2.109375" style="1" customWidth="1"/>
    <col min="9505" max="9505" width="1.88671875" style="1" customWidth="1"/>
    <col min="9506" max="9506" width="2.109375" style="1" customWidth="1"/>
    <col min="9507" max="9507" width="3.109375" style="1" customWidth="1"/>
    <col min="9508" max="9509" width="3.6640625" style="1" customWidth="1"/>
    <col min="9510" max="9510" width="5.109375" style="1" customWidth="1"/>
    <col min="9511" max="9511" width="8.88671875" style="1" customWidth="1"/>
    <col min="9512" max="9512" width="2.6640625" style="1" customWidth="1"/>
    <col min="9513" max="9515" width="2.109375" style="1" customWidth="1"/>
    <col min="9516" max="9516" width="5.6640625" style="1" customWidth="1"/>
    <col min="9517" max="9517" width="2.109375" style="1" customWidth="1"/>
    <col min="9518" max="9518" width="15.109375" style="1" customWidth="1"/>
    <col min="9519" max="9519" width="1.6640625" style="1" customWidth="1"/>
    <col min="9520" max="9520" width="3.109375" style="1" customWidth="1"/>
    <col min="9521" max="9521" width="3.6640625" style="1" customWidth="1"/>
    <col min="9522" max="9522" width="3.109375" style="1" customWidth="1"/>
    <col min="9523" max="9523" width="2.6640625" style="1" customWidth="1"/>
    <col min="9524" max="9524" width="6.6640625" style="1" customWidth="1"/>
    <col min="9525" max="9525" width="2.6640625" style="1" customWidth="1"/>
    <col min="9526" max="9735" width="9" style="1"/>
    <col min="9736" max="9736" width="11.6640625" style="1" bestFit="1" customWidth="1"/>
    <col min="9737" max="9737" width="6.44140625" style="1" bestFit="1" customWidth="1"/>
    <col min="9738" max="9738" width="2.109375" style="1" customWidth="1"/>
    <col min="9739" max="9739" width="4.6640625" style="1" customWidth="1"/>
    <col min="9740" max="9741" width="2.109375" style="1" customWidth="1"/>
    <col min="9742" max="9742" width="5.6640625" style="1" customWidth="1"/>
    <col min="9743" max="9743" width="3.6640625" style="1" customWidth="1"/>
    <col min="9744" max="9744" width="5.6640625" style="1" customWidth="1"/>
    <col min="9745" max="9745" width="3.6640625" style="1" customWidth="1"/>
    <col min="9746" max="9746" width="3.44140625" style="1" bestFit="1" customWidth="1"/>
    <col min="9747" max="9747" width="3.6640625" style="1" customWidth="1"/>
    <col min="9748" max="9748" width="3.44140625" style="1" bestFit="1" customWidth="1"/>
    <col min="9749" max="9749" width="3.6640625" style="1" customWidth="1"/>
    <col min="9750" max="9750" width="3.44140625" style="1" bestFit="1" customWidth="1"/>
    <col min="9751" max="9751" width="5.109375" style="1" customWidth="1"/>
    <col min="9752" max="9752" width="2.109375" style="1" customWidth="1"/>
    <col min="9753" max="9753" width="3.6640625" style="1" customWidth="1"/>
    <col min="9754" max="9754" width="2.88671875" style="1" customWidth="1"/>
    <col min="9755" max="9755" width="8.6640625" style="1" customWidth="1"/>
    <col min="9756" max="9756" width="2.88671875" style="1" customWidth="1"/>
    <col min="9757" max="9757" width="1.6640625" style="1" customWidth="1"/>
    <col min="9758" max="9758" width="10.33203125" style="1" customWidth="1"/>
    <col min="9759" max="9759" width="5.6640625" style="1" customWidth="1"/>
    <col min="9760" max="9760" width="2.109375" style="1" customWidth="1"/>
    <col min="9761" max="9761" width="1.88671875" style="1" customWidth="1"/>
    <col min="9762" max="9762" width="2.109375" style="1" customWidth="1"/>
    <col min="9763" max="9763" width="3.109375" style="1" customWidth="1"/>
    <col min="9764" max="9765" width="3.6640625" style="1" customWidth="1"/>
    <col min="9766" max="9766" width="5.109375" style="1" customWidth="1"/>
    <col min="9767" max="9767" width="8.88671875" style="1" customWidth="1"/>
    <col min="9768" max="9768" width="2.6640625" style="1" customWidth="1"/>
    <col min="9769" max="9771" width="2.109375" style="1" customWidth="1"/>
    <col min="9772" max="9772" width="5.6640625" style="1" customWidth="1"/>
    <col min="9773" max="9773" width="2.109375" style="1" customWidth="1"/>
    <col min="9774" max="9774" width="15.109375" style="1" customWidth="1"/>
    <col min="9775" max="9775" width="1.6640625" style="1" customWidth="1"/>
    <col min="9776" max="9776" width="3.109375" style="1" customWidth="1"/>
    <col min="9777" max="9777" width="3.6640625" style="1" customWidth="1"/>
    <col min="9778" max="9778" width="3.109375" style="1" customWidth="1"/>
    <col min="9779" max="9779" width="2.6640625" style="1" customWidth="1"/>
    <col min="9780" max="9780" width="6.6640625" style="1" customWidth="1"/>
    <col min="9781" max="9781" width="2.6640625" style="1" customWidth="1"/>
    <col min="9782" max="9991" width="9" style="1"/>
    <col min="9992" max="9992" width="11.6640625" style="1" bestFit="1" customWidth="1"/>
    <col min="9993" max="9993" width="6.44140625" style="1" bestFit="1" customWidth="1"/>
    <col min="9994" max="9994" width="2.109375" style="1" customWidth="1"/>
    <col min="9995" max="9995" width="4.6640625" style="1" customWidth="1"/>
    <col min="9996" max="9997" width="2.109375" style="1" customWidth="1"/>
    <col min="9998" max="9998" width="5.6640625" style="1" customWidth="1"/>
    <col min="9999" max="9999" width="3.6640625" style="1" customWidth="1"/>
    <col min="10000" max="10000" width="5.6640625" style="1" customWidth="1"/>
    <col min="10001" max="10001" width="3.6640625" style="1" customWidth="1"/>
    <col min="10002" max="10002" width="3.44140625" style="1" bestFit="1" customWidth="1"/>
    <col min="10003" max="10003" width="3.6640625" style="1" customWidth="1"/>
    <col min="10004" max="10004" width="3.44140625" style="1" bestFit="1" customWidth="1"/>
    <col min="10005" max="10005" width="3.6640625" style="1" customWidth="1"/>
    <col min="10006" max="10006" width="3.44140625" style="1" bestFit="1" customWidth="1"/>
    <col min="10007" max="10007" width="5.109375" style="1" customWidth="1"/>
    <col min="10008" max="10008" width="2.109375" style="1" customWidth="1"/>
    <col min="10009" max="10009" width="3.6640625" style="1" customWidth="1"/>
    <col min="10010" max="10010" width="2.88671875" style="1" customWidth="1"/>
    <col min="10011" max="10011" width="8.6640625" style="1" customWidth="1"/>
    <col min="10012" max="10012" width="2.88671875" style="1" customWidth="1"/>
    <col min="10013" max="10013" width="1.6640625" style="1" customWidth="1"/>
    <col min="10014" max="10014" width="10.33203125" style="1" customWidth="1"/>
    <col min="10015" max="10015" width="5.6640625" style="1" customWidth="1"/>
    <col min="10016" max="10016" width="2.109375" style="1" customWidth="1"/>
    <col min="10017" max="10017" width="1.88671875" style="1" customWidth="1"/>
    <col min="10018" max="10018" width="2.109375" style="1" customWidth="1"/>
    <col min="10019" max="10019" width="3.109375" style="1" customWidth="1"/>
    <col min="10020" max="10021" width="3.6640625" style="1" customWidth="1"/>
    <col min="10022" max="10022" width="5.109375" style="1" customWidth="1"/>
    <col min="10023" max="10023" width="8.88671875" style="1" customWidth="1"/>
    <col min="10024" max="10024" width="2.6640625" style="1" customWidth="1"/>
    <col min="10025" max="10027" width="2.109375" style="1" customWidth="1"/>
    <col min="10028" max="10028" width="5.6640625" style="1" customWidth="1"/>
    <col min="10029" max="10029" width="2.109375" style="1" customWidth="1"/>
    <col min="10030" max="10030" width="15.109375" style="1" customWidth="1"/>
    <col min="10031" max="10031" width="1.6640625" style="1" customWidth="1"/>
    <col min="10032" max="10032" width="3.109375" style="1" customWidth="1"/>
    <col min="10033" max="10033" width="3.6640625" style="1" customWidth="1"/>
    <col min="10034" max="10034" width="3.109375" style="1" customWidth="1"/>
    <col min="10035" max="10035" width="2.6640625" style="1" customWidth="1"/>
    <col min="10036" max="10036" width="6.6640625" style="1" customWidth="1"/>
    <col min="10037" max="10037" width="2.6640625" style="1" customWidth="1"/>
    <col min="10038" max="10247" width="9" style="1"/>
    <col min="10248" max="10248" width="11.6640625" style="1" bestFit="1" customWidth="1"/>
    <col min="10249" max="10249" width="6.44140625" style="1" bestFit="1" customWidth="1"/>
    <col min="10250" max="10250" width="2.109375" style="1" customWidth="1"/>
    <col min="10251" max="10251" width="4.6640625" style="1" customWidth="1"/>
    <col min="10252" max="10253" width="2.109375" style="1" customWidth="1"/>
    <col min="10254" max="10254" width="5.6640625" style="1" customWidth="1"/>
    <col min="10255" max="10255" width="3.6640625" style="1" customWidth="1"/>
    <col min="10256" max="10256" width="5.6640625" style="1" customWidth="1"/>
    <col min="10257" max="10257" width="3.6640625" style="1" customWidth="1"/>
    <col min="10258" max="10258" width="3.44140625" style="1" bestFit="1" customWidth="1"/>
    <col min="10259" max="10259" width="3.6640625" style="1" customWidth="1"/>
    <col min="10260" max="10260" width="3.44140625" style="1" bestFit="1" customWidth="1"/>
    <col min="10261" max="10261" width="3.6640625" style="1" customWidth="1"/>
    <col min="10262" max="10262" width="3.44140625" style="1" bestFit="1" customWidth="1"/>
    <col min="10263" max="10263" width="5.109375" style="1" customWidth="1"/>
    <col min="10264" max="10264" width="2.109375" style="1" customWidth="1"/>
    <col min="10265" max="10265" width="3.6640625" style="1" customWidth="1"/>
    <col min="10266" max="10266" width="2.88671875" style="1" customWidth="1"/>
    <col min="10267" max="10267" width="8.6640625" style="1" customWidth="1"/>
    <col min="10268" max="10268" width="2.88671875" style="1" customWidth="1"/>
    <col min="10269" max="10269" width="1.6640625" style="1" customWidth="1"/>
    <col min="10270" max="10270" width="10.33203125" style="1" customWidth="1"/>
    <col min="10271" max="10271" width="5.6640625" style="1" customWidth="1"/>
    <col min="10272" max="10272" width="2.109375" style="1" customWidth="1"/>
    <col min="10273" max="10273" width="1.88671875" style="1" customWidth="1"/>
    <col min="10274" max="10274" width="2.109375" style="1" customWidth="1"/>
    <col min="10275" max="10275" width="3.109375" style="1" customWidth="1"/>
    <col min="10276" max="10277" width="3.6640625" style="1" customWidth="1"/>
    <col min="10278" max="10278" width="5.109375" style="1" customWidth="1"/>
    <col min="10279" max="10279" width="8.88671875" style="1" customWidth="1"/>
    <col min="10280" max="10280" width="2.6640625" style="1" customWidth="1"/>
    <col min="10281" max="10283" width="2.109375" style="1" customWidth="1"/>
    <col min="10284" max="10284" width="5.6640625" style="1" customWidth="1"/>
    <col min="10285" max="10285" width="2.109375" style="1" customWidth="1"/>
    <col min="10286" max="10286" width="15.109375" style="1" customWidth="1"/>
    <col min="10287" max="10287" width="1.6640625" style="1" customWidth="1"/>
    <col min="10288" max="10288" width="3.109375" style="1" customWidth="1"/>
    <col min="10289" max="10289" width="3.6640625" style="1" customWidth="1"/>
    <col min="10290" max="10290" width="3.109375" style="1" customWidth="1"/>
    <col min="10291" max="10291" width="2.6640625" style="1" customWidth="1"/>
    <col min="10292" max="10292" width="6.6640625" style="1" customWidth="1"/>
    <col min="10293" max="10293" width="2.6640625" style="1" customWidth="1"/>
    <col min="10294" max="10503" width="9" style="1"/>
    <col min="10504" max="10504" width="11.6640625" style="1" bestFit="1" customWidth="1"/>
    <col min="10505" max="10505" width="6.44140625" style="1" bestFit="1" customWidth="1"/>
    <col min="10506" max="10506" width="2.109375" style="1" customWidth="1"/>
    <col min="10507" max="10507" width="4.6640625" style="1" customWidth="1"/>
    <col min="10508" max="10509" width="2.109375" style="1" customWidth="1"/>
    <col min="10510" max="10510" width="5.6640625" style="1" customWidth="1"/>
    <col min="10511" max="10511" width="3.6640625" style="1" customWidth="1"/>
    <col min="10512" max="10512" width="5.6640625" style="1" customWidth="1"/>
    <col min="10513" max="10513" width="3.6640625" style="1" customWidth="1"/>
    <col min="10514" max="10514" width="3.44140625" style="1" bestFit="1" customWidth="1"/>
    <col min="10515" max="10515" width="3.6640625" style="1" customWidth="1"/>
    <col min="10516" max="10516" width="3.44140625" style="1" bestFit="1" customWidth="1"/>
    <col min="10517" max="10517" width="3.6640625" style="1" customWidth="1"/>
    <col min="10518" max="10518" width="3.44140625" style="1" bestFit="1" customWidth="1"/>
    <col min="10519" max="10519" width="5.109375" style="1" customWidth="1"/>
    <col min="10520" max="10520" width="2.109375" style="1" customWidth="1"/>
    <col min="10521" max="10521" width="3.6640625" style="1" customWidth="1"/>
    <col min="10522" max="10522" width="2.88671875" style="1" customWidth="1"/>
    <col min="10523" max="10523" width="8.6640625" style="1" customWidth="1"/>
    <col min="10524" max="10524" width="2.88671875" style="1" customWidth="1"/>
    <col min="10525" max="10525" width="1.6640625" style="1" customWidth="1"/>
    <col min="10526" max="10526" width="10.33203125" style="1" customWidth="1"/>
    <col min="10527" max="10527" width="5.6640625" style="1" customWidth="1"/>
    <col min="10528" max="10528" width="2.109375" style="1" customWidth="1"/>
    <col min="10529" max="10529" width="1.88671875" style="1" customWidth="1"/>
    <col min="10530" max="10530" width="2.109375" style="1" customWidth="1"/>
    <col min="10531" max="10531" width="3.109375" style="1" customWidth="1"/>
    <col min="10532" max="10533" width="3.6640625" style="1" customWidth="1"/>
    <col min="10534" max="10534" width="5.109375" style="1" customWidth="1"/>
    <col min="10535" max="10535" width="8.88671875" style="1" customWidth="1"/>
    <col min="10536" max="10536" width="2.6640625" style="1" customWidth="1"/>
    <col min="10537" max="10539" width="2.109375" style="1" customWidth="1"/>
    <col min="10540" max="10540" width="5.6640625" style="1" customWidth="1"/>
    <col min="10541" max="10541" width="2.109375" style="1" customWidth="1"/>
    <col min="10542" max="10542" width="15.109375" style="1" customWidth="1"/>
    <col min="10543" max="10543" width="1.6640625" style="1" customWidth="1"/>
    <col min="10544" max="10544" width="3.109375" style="1" customWidth="1"/>
    <col min="10545" max="10545" width="3.6640625" style="1" customWidth="1"/>
    <col min="10546" max="10546" width="3.109375" style="1" customWidth="1"/>
    <col min="10547" max="10547" width="2.6640625" style="1" customWidth="1"/>
    <col min="10548" max="10548" width="6.6640625" style="1" customWidth="1"/>
    <col min="10549" max="10549" width="2.6640625" style="1" customWidth="1"/>
    <col min="10550" max="10759" width="9" style="1"/>
    <col min="10760" max="10760" width="11.6640625" style="1" bestFit="1" customWidth="1"/>
    <col min="10761" max="10761" width="6.44140625" style="1" bestFit="1" customWidth="1"/>
    <col min="10762" max="10762" width="2.109375" style="1" customWidth="1"/>
    <col min="10763" max="10763" width="4.6640625" style="1" customWidth="1"/>
    <col min="10764" max="10765" width="2.109375" style="1" customWidth="1"/>
    <col min="10766" max="10766" width="5.6640625" style="1" customWidth="1"/>
    <col min="10767" max="10767" width="3.6640625" style="1" customWidth="1"/>
    <col min="10768" max="10768" width="5.6640625" style="1" customWidth="1"/>
    <col min="10769" max="10769" width="3.6640625" style="1" customWidth="1"/>
    <col min="10770" max="10770" width="3.44140625" style="1" bestFit="1" customWidth="1"/>
    <col min="10771" max="10771" width="3.6640625" style="1" customWidth="1"/>
    <col min="10772" max="10772" width="3.44140625" style="1" bestFit="1" customWidth="1"/>
    <col min="10773" max="10773" width="3.6640625" style="1" customWidth="1"/>
    <col min="10774" max="10774" width="3.44140625" style="1" bestFit="1" customWidth="1"/>
    <col min="10775" max="10775" width="5.109375" style="1" customWidth="1"/>
    <col min="10776" max="10776" width="2.109375" style="1" customWidth="1"/>
    <col min="10777" max="10777" width="3.6640625" style="1" customWidth="1"/>
    <col min="10778" max="10778" width="2.88671875" style="1" customWidth="1"/>
    <col min="10779" max="10779" width="8.6640625" style="1" customWidth="1"/>
    <col min="10780" max="10780" width="2.88671875" style="1" customWidth="1"/>
    <col min="10781" max="10781" width="1.6640625" style="1" customWidth="1"/>
    <col min="10782" max="10782" width="10.33203125" style="1" customWidth="1"/>
    <col min="10783" max="10783" width="5.6640625" style="1" customWidth="1"/>
    <col min="10784" max="10784" width="2.109375" style="1" customWidth="1"/>
    <col min="10785" max="10785" width="1.88671875" style="1" customWidth="1"/>
    <col min="10786" max="10786" width="2.109375" style="1" customWidth="1"/>
    <col min="10787" max="10787" width="3.109375" style="1" customWidth="1"/>
    <col min="10788" max="10789" width="3.6640625" style="1" customWidth="1"/>
    <col min="10790" max="10790" width="5.109375" style="1" customWidth="1"/>
    <col min="10791" max="10791" width="8.88671875" style="1" customWidth="1"/>
    <col min="10792" max="10792" width="2.6640625" style="1" customWidth="1"/>
    <col min="10793" max="10795" width="2.109375" style="1" customWidth="1"/>
    <col min="10796" max="10796" width="5.6640625" style="1" customWidth="1"/>
    <col min="10797" max="10797" width="2.109375" style="1" customWidth="1"/>
    <col min="10798" max="10798" width="15.109375" style="1" customWidth="1"/>
    <col min="10799" max="10799" width="1.6640625" style="1" customWidth="1"/>
    <col min="10800" max="10800" width="3.109375" style="1" customWidth="1"/>
    <col min="10801" max="10801" width="3.6640625" style="1" customWidth="1"/>
    <col min="10802" max="10802" width="3.109375" style="1" customWidth="1"/>
    <col min="10803" max="10803" width="2.6640625" style="1" customWidth="1"/>
    <col min="10804" max="10804" width="6.6640625" style="1" customWidth="1"/>
    <col min="10805" max="10805" width="2.6640625" style="1" customWidth="1"/>
    <col min="10806" max="11015" width="9" style="1"/>
    <col min="11016" max="11016" width="11.6640625" style="1" bestFit="1" customWidth="1"/>
    <col min="11017" max="11017" width="6.44140625" style="1" bestFit="1" customWidth="1"/>
    <col min="11018" max="11018" width="2.109375" style="1" customWidth="1"/>
    <col min="11019" max="11019" width="4.6640625" style="1" customWidth="1"/>
    <col min="11020" max="11021" width="2.109375" style="1" customWidth="1"/>
    <col min="11022" max="11022" width="5.6640625" style="1" customWidth="1"/>
    <col min="11023" max="11023" width="3.6640625" style="1" customWidth="1"/>
    <col min="11024" max="11024" width="5.6640625" style="1" customWidth="1"/>
    <col min="11025" max="11025" width="3.6640625" style="1" customWidth="1"/>
    <col min="11026" max="11026" width="3.44140625" style="1" bestFit="1" customWidth="1"/>
    <col min="11027" max="11027" width="3.6640625" style="1" customWidth="1"/>
    <col min="11028" max="11028" width="3.44140625" style="1" bestFit="1" customWidth="1"/>
    <col min="11029" max="11029" width="3.6640625" style="1" customWidth="1"/>
    <col min="11030" max="11030" width="3.44140625" style="1" bestFit="1" customWidth="1"/>
    <col min="11031" max="11031" width="5.109375" style="1" customWidth="1"/>
    <col min="11032" max="11032" width="2.109375" style="1" customWidth="1"/>
    <col min="11033" max="11033" width="3.6640625" style="1" customWidth="1"/>
    <col min="11034" max="11034" width="2.88671875" style="1" customWidth="1"/>
    <col min="11035" max="11035" width="8.6640625" style="1" customWidth="1"/>
    <col min="11036" max="11036" width="2.88671875" style="1" customWidth="1"/>
    <col min="11037" max="11037" width="1.6640625" style="1" customWidth="1"/>
    <col min="11038" max="11038" width="10.33203125" style="1" customWidth="1"/>
    <col min="11039" max="11039" width="5.6640625" style="1" customWidth="1"/>
    <col min="11040" max="11040" width="2.109375" style="1" customWidth="1"/>
    <col min="11041" max="11041" width="1.88671875" style="1" customWidth="1"/>
    <col min="11042" max="11042" width="2.109375" style="1" customWidth="1"/>
    <col min="11043" max="11043" width="3.109375" style="1" customWidth="1"/>
    <col min="11044" max="11045" width="3.6640625" style="1" customWidth="1"/>
    <col min="11046" max="11046" width="5.109375" style="1" customWidth="1"/>
    <col min="11047" max="11047" width="8.88671875" style="1" customWidth="1"/>
    <col min="11048" max="11048" width="2.6640625" style="1" customWidth="1"/>
    <col min="11049" max="11051" width="2.109375" style="1" customWidth="1"/>
    <col min="11052" max="11052" width="5.6640625" style="1" customWidth="1"/>
    <col min="11053" max="11053" width="2.109375" style="1" customWidth="1"/>
    <col min="11054" max="11054" width="15.109375" style="1" customWidth="1"/>
    <col min="11055" max="11055" width="1.6640625" style="1" customWidth="1"/>
    <col min="11056" max="11056" width="3.109375" style="1" customWidth="1"/>
    <col min="11057" max="11057" width="3.6640625" style="1" customWidth="1"/>
    <col min="11058" max="11058" width="3.109375" style="1" customWidth="1"/>
    <col min="11059" max="11059" width="2.6640625" style="1" customWidth="1"/>
    <col min="11060" max="11060" width="6.6640625" style="1" customWidth="1"/>
    <col min="11061" max="11061" width="2.6640625" style="1" customWidth="1"/>
    <col min="11062" max="11271" width="9" style="1"/>
    <col min="11272" max="11272" width="11.6640625" style="1" bestFit="1" customWidth="1"/>
    <col min="11273" max="11273" width="6.44140625" style="1" bestFit="1" customWidth="1"/>
    <col min="11274" max="11274" width="2.109375" style="1" customWidth="1"/>
    <col min="11275" max="11275" width="4.6640625" style="1" customWidth="1"/>
    <col min="11276" max="11277" width="2.109375" style="1" customWidth="1"/>
    <col min="11278" max="11278" width="5.6640625" style="1" customWidth="1"/>
    <col min="11279" max="11279" width="3.6640625" style="1" customWidth="1"/>
    <col min="11280" max="11280" width="5.6640625" style="1" customWidth="1"/>
    <col min="11281" max="11281" width="3.6640625" style="1" customWidth="1"/>
    <col min="11282" max="11282" width="3.44140625" style="1" bestFit="1" customWidth="1"/>
    <col min="11283" max="11283" width="3.6640625" style="1" customWidth="1"/>
    <col min="11284" max="11284" width="3.44140625" style="1" bestFit="1" customWidth="1"/>
    <col min="11285" max="11285" width="3.6640625" style="1" customWidth="1"/>
    <col min="11286" max="11286" width="3.44140625" style="1" bestFit="1" customWidth="1"/>
    <col min="11287" max="11287" width="5.109375" style="1" customWidth="1"/>
    <col min="11288" max="11288" width="2.109375" style="1" customWidth="1"/>
    <col min="11289" max="11289" width="3.6640625" style="1" customWidth="1"/>
    <col min="11290" max="11290" width="2.88671875" style="1" customWidth="1"/>
    <col min="11291" max="11291" width="8.6640625" style="1" customWidth="1"/>
    <col min="11292" max="11292" width="2.88671875" style="1" customWidth="1"/>
    <col min="11293" max="11293" width="1.6640625" style="1" customWidth="1"/>
    <col min="11294" max="11294" width="10.33203125" style="1" customWidth="1"/>
    <col min="11295" max="11295" width="5.6640625" style="1" customWidth="1"/>
    <col min="11296" max="11296" width="2.109375" style="1" customWidth="1"/>
    <col min="11297" max="11297" width="1.88671875" style="1" customWidth="1"/>
    <col min="11298" max="11298" width="2.109375" style="1" customWidth="1"/>
    <col min="11299" max="11299" width="3.109375" style="1" customWidth="1"/>
    <col min="11300" max="11301" width="3.6640625" style="1" customWidth="1"/>
    <col min="11302" max="11302" width="5.109375" style="1" customWidth="1"/>
    <col min="11303" max="11303" width="8.88671875" style="1" customWidth="1"/>
    <col min="11304" max="11304" width="2.6640625" style="1" customWidth="1"/>
    <col min="11305" max="11307" width="2.109375" style="1" customWidth="1"/>
    <col min="11308" max="11308" width="5.6640625" style="1" customWidth="1"/>
    <col min="11309" max="11309" width="2.109375" style="1" customWidth="1"/>
    <col min="11310" max="11310" width="15.109375" style="1" customWidth="1"/>
    <col min="11311" max="11311" width="1.6640625" style="1" customWidth="1"/>
    <col min="11312" max="11312" width="3.109375" style="1" customWidth="1"/>
    <col min="11313" max="11313" width="3.6640625" style="1" customWidth="1"/>
    <col min="11314" max="11314" width="3.109375" style="1" customWidth="1"/>
    <col min="11315" max="11315" width="2.6640625" style="1" customWidth="1"/>
    <col min="11316" max="11316" width="6.6640625" style="1" customWidth="1"/>
    <col min="11317" max="11317" width="2.6640625" style="1" customWidth="1"/>
    <col min="11318" max="11527" width="9" style="1"/>
    <col min="11528" max="11528" width="11.6640625" style="1" bestFit="1" customWidth="1"/>
    <col min="11529" max="11529" width="6.44140625" style="1" bestFit="1" customWidth="1"/>
    <col min="11530" max="11530" width="2.109375" style="1" customWidth="1"/>
    <col min="11531" max="11531" width="4.6640625" style="1" customWidth="1"/>
    <col min="11532" max="11533" width="2.109375" style="1" customWidth="1"/>
    <col min="11534" max="11534" width="5.6640625" style="1" customWidth="1"/>
    <col min="11535" max="11535" width="3.6640625" style="1" customWidth="1"/>
    <col min="11536" max="11536" width="5.6640625" style="1" customWidth="1"/>
    <col min="11537" max="11537" width="3.6640625" style="1" customWidth="1"/>
    <col min="11538" max="11538" width="3.44140625" style="1" bestFit="1" customWidth="1"/>
    <col min="11539" max="11539" width="3.6640625" style="1" customWidth="1"/>
    <col min="11540" max="11540" width="3.44140625" style="1" bestFit="1" customWidth="1"/>
    <col min="11541" max="11541" width="3.6640625" style="1" customWidth="1"/>
    <col min="11542" max="11542" width="3.44140625" style="1" bestFit="1" customWidth="1"/>
    <col min="11543" max="11543" width="5.109375" style="1" customWidth="1"/>
    <col min="11544" max="11544" width="2.109375" style="1" customWidth="1"/>
    <col min="11545" max="11545" width="3.6640625" style="1" customWidth="1"/>
    <col min="11546" max="11546" width="2.88671875" style="1" customWidth="1"/>
    <col min="11547" max="11547" width="8.6640625" style="1" customWidth="1"/>
    <col min="11548" max="11548" width="2.88671875" style="1" customWidth="1"/>
    <col min="11549" max="11549" width="1.6640625" style="1" customWidth="1"/>
    <col min="11550" max="11550" width="10.33203125" style="1" customWidth="1"/>
    <col min="11551" max="11551" width="5.6640625" style="1" customWidth="1"/>
    <col min="11552" max="11552" width="2.109375" style="1" customWidth="1"/>
    <col min="11553" max="11553" width="1.88671875" style="1" customWidth="1"/>
    <col min="11554" max="11554" width="2.109375" style="1" customWidth="1"/>
    <col min="11555" max="11555" width="3.109375" style="1" customWidth="1"/>
    <col min="11556" max="11557" width="3.6640625" style="1" customWidth="1"/>
    <col min="11558" max="11558" width="5.109375" style="1" customWidth="1"/>
    <col min="11559" max="11559" width="8.88671875" style="1" customWidth="1"/>
    <col min="11560" max="11560" width="2.6640625" style="1" customWidth="1"/>
    <col min="11561" max="11563" width="2.109375" style="1" customWidth="1"/>
    <col min="11564" max="11564" width="5.6640625" style="1" customWidth="1"/>
    <col min="11565" max="11565" width="2.109375" style="1" customWidth="1"/>
    <col min="11566" max="11566" width="15.109375" style="1" customWidth="1"/>
    <col min="11567" max="11567" width="1.6640625" style="1" customWidth="1"/>
    <col min="11568" max="11568" width="3.109375" style="1" customWidth="1"/>
    <col min="11569" max="11569" width="3.6640625" style="1" customWidth="1"/>
    <col min="11570" max="11570" width="3.109375" style="1" customWidth="1"/>
    <col min="11571" max="11571" width="2.6640625" style="1" customWidth="1"/>
    <col min="11572" max="11572" width="6.6640625" style="1" customWidth="1"/>
    <col min="11573" max="11573" width="2.6640625" style="1" customWidth="1"/>
    <col min="11574" max="11783" width="9" style="1"/>
    <col min="11784" max="11784" width="11.6640625" style="1" bestFit="1" customWidth="1"/>
    <col min="11785" max="11785" width="6.44140625" style="1" bestFit="1" customWidth="1"/>
    <col min="11786" max="11786" width="2.109375" style="1" customWidth="1"/>
    <col min="11787" max="11787" width="4.6640625" style="1" customWidth="1"/>
    <col min="11788" max="11789" width="2.109375" style="1" customWidth="1"/>
    <col min="11790" max="11790" width="5.6640625" style="1" customWidth="1"/>
    <col min="11791" max="11791" width="3.6640625" style="1" customWidth="1"/>
    <col min="11792" max="11792" width="5.6640625" style="1" customWidth="1"/>
    <col min="11793" max="11793" width="3.6640625" style="1" customWidth="1"/>
    <col min="11794" max="11794" width="3.44140625" style="1" bestFit="1" customWidth="1"/>
    <col min="11795" max="11795" width="3.6640625" style="1" customWidth="1"/>
    <col min="11796" max="11796" width="3.44140625" style="1" bestFit="1" customWidth="1"/>
    <col min="11797" max="11797" width="3.6640625" style="1" customWidth="1"/>
    <col min="11798" max="11798" width="3.44140625" style="1" bestFit="1" customWidth="1"/>
    <col min="11799" max="11799" width="5.109375" style="1" customWidth="1"/>
    <col min="11800" max="11800" width="2.109375" style="1" customWidth="1"/>
    <col min="11801" max="11801" width="3.6640625" style="1" customWidth="1"/>
    <col min="11802" max="11802" width="2.88671875" style="1" customWidth="1"/>
    <col min="11803" max="11803" width="8.6640625" style="1" customWidth="1"/>
    <col min="11804" max="11804" width="2.88671875" style="1" customWidth="1"/>
    <col min="11805" max="11805" width="1.6640625" style="1" customWidth="1"/>
    <col min="11806" max="11806" width="10.33203125" style="1" customWidth="1"/>
    <col min="11807" max="11807" width="5.6640625" style="1" customWidth="1"/>
    <col min="11808" max="11808" width="2.109375" style="1" customWidth="1"/>
    <col min="11809" max="11809" width="1.88671875" style="1" customWidth="1"/>
    <col min="11810" max="11810" width="2.109375" style="1" customWidth="1"/>
    <col min="11811" max="11811" width="3.109375" style="1" customWidth="1"/>
    <col min="11812" max="11813" width="3.6640625" style="1" customWidth="1"/>
    <col min="11814" max="11814" width="5.109375" style="1" customWidth="1"/>
    <col min="11815" max="11815" width="8.88671875" style="1" customWidth="1"/>
    <col min="11816" max="11816" width="2.6640625" style="1" customWidth="1"/>
    <col min="11817" max="11819" width="2.109375" style="1" customWidth="1"/>
    <col min="11820" max="11820" width="5.6640625" style="1" customWidth="1"/>
    <col min="11821" max="11821" width="2.109375" style="1" customWidth="1"/>
    <col min="11822" max="11822" width="15.109375" style="1" customWidth="1"/>
    <col min="11823" max="11823" width="1.6640625" style="1" customWidth="1"/>
    <col min="11824" max="11824" width="3.109375" style="1" customWidth="1"/>
    <col min="11825" max="11825" width="3.6640625" style="1" customWidth="1"/>
    <col min="11826" max="11826" width="3.109375" style="1" customWidth="1"/>
    <col min="11827" max="11827" width="2.6640625" style="1" customWidth="1"/>
    <col min="11828" max="11828" width="6.6640625" style="1" customWidth="1"/>
    <col min="11829" max="11829" width="2.6640625" style="1" customWidth="1"/>
    <col min="11830" max="12039" width="9" style="1"/>
    <col min="12040" max="12040" width="11.6640625" style="1" bestFit="1" customWidth="1"/>
    <col min="12041" max="12041" width="6.44140625" style="1" bestFit="1" customWidth="1"/>
    <col min="12042" max="12042" width="2.109375" style="1" customWidth="1"/>
    <col min="12043" max="12043" width="4.6640625" style="1" customWidth="1"/>
    <col min="12044" max="12045" width="2.109375" style="1" customWidth="1"/>
    <col min="12046" max="12046" width="5.6640625" style="1" customWidth="1"/>
    <col min="12047" max="12047" width="3.6640625" style="1" customWidth="1"/>
    <col min="12048" max="12048" width="5.6640625" style="1" customWidth="1"/>
    <col min="12049" max="12049" width="3.6640625" style="1" customWidth="1"/>
    <col min="12050" max="12050" width="3.44140625" style="1" bestFit="1" customWidth="1"/>
    <col min="12051" max="12051" width="3.6640625" style="1" customWidth="1"/>
    <col min="12052" max="12052" width="3.44140625" style="1" bestFit="1" customWidth="1"/>
    <col min="12053" max="12053" width="3.6640625" style="1" customWidth="1"/>
    <col min="12054" max="12054" width="3.44140625" style="1" bestFit="1" customWidth="1"/>
    <col min="12055" max="12055" width="5.109375" style="1" customWidth="1"/>
    <col min="12056" max="12056" width="2.109375" style="1" customWidth="1"/>
    <col min="12057" max="12057" width="3.6640625" style="1" customWidth="1"/>
    <col min="12058" max="12058" width="2.88671875" style="1" customWidth="1"/>
    <col min="12059" max="12059" width="8.6640625" style="1" customWidth="1"/>
    <col min="12060" max="12060" width="2.88671875" style="1" customWidth="1"/>
    <col min="12061" max="12061" width="1.6640625" style="1" customWidth="1"/>
    <col min="12062" max="12062" width="10.33203125" style="1" customWidth="1"/>
    <col min="12063" max="12063" width="5.6640625" style="1" customWidth="1"/>
    <col min="12064" max="12064" width="2.109375" style="1" customWidth="1"/>
    <col min="12065" max="12065" width="1.88671875" style="1" customWidth="1"/>
    <col min="12066" max="12066" width="2.109375" style="1" customWidth="1"/>
    <col min="12067" max="12067" width="3.109375" style="1" customWidth="1"/>
    <col min="12068" max="12069" width="3.6640625" style="1" customWidth="1"/>
    <col min="12070" max="12070" width="5.109375" style="1" customWidth="1"/>
    <col min="12071" max="12071" width="8.88671875" style="1" customWidth="1"/>
    <col min="12072" max="12072" width="2.6640625" style="1" customWidth="1"/>
    <col min="12073" max="12075" width="2.109375" style="1" customWidth="1"/>
    <col min="12076" max="12076" width="5.6640625" style="1" customWidth="1"/>
    <col min="12077" max="12077" width="2.109375" style="1" customWidth="1"/>
    <col min="12078" max="12078" width="15.109375" style="1" customWidth="1"/>
    <col min="12079" max="12079" width="1.6640625" style="1" customWidth="1"/>
    <col min="12080" max="12080" width="3.109375" style="1" customWidth="1"/>
    <col min="12081" max="12081" width="3.6640625" style="1" customWidth="1"/>
    <col min="12082" max="12082" width="3.109375" style="1" customWidth="1"/>
    <col min="12083" max="12083" width="2.6640625" style="1" customWidth="1"/>
    <col min="12084" max="12084" width="6.6640625" style="1" customWidth="1"/>
    <col min="12085" max="12085" width="2.6640625" style="1" customWidth="1"/>
    <col min="12086" max="12295" width="9" style="1"/>
    <col min="12296" max="12296" width="11.6640625" style="1" bestFit="1" customWidth="1"/>
    <col min="12297" max="12297" width="6.44140625" style="1" bestFit="1" customWidth="1"/>
    <col min="12298" max="12298" width="2.109375" style="1" customWidth="1"/>
    <col min="12299" max="12299" width="4.6640625" style="1" customWidth="1"/>
    <col min="12300" max="12301" width="2.109375" style="1" customWidth="1"/>
    <col min="12302" max="12302" width="5.6640625" style="1" customWidth="1"/>
    <col min="12303" max="12303" width="3.6640625" style="1" customWidth="1"/>
    <col min="12304" max="12304" width="5.6640625" style="1" customWidth="1"/>
    <col min="12305" max="12305" width="3.6640625" style="1" customWidth="1"/>
    <col min="12306" max="12306" width="3.44140625" style="1" bestFit="1" customWidth="1"/>
    <col min="12307" max="12307" width="3.6640625" style="1" customWidth="1"/>
    <col min="12308" max="12308" width="3.44140625" style="1" bestFit="1" customWidth="1"/>
    <col min="12309" max="12309" width="3.6640625" style="1" customWidth="1"/>
    <col min="12310" max="12310" width="3.44140625" style="1" bestFit="1" customWidth="1"/>
    <col min="12311" max="12311" width="5.109375" style="1" customWidth="1"/>
    <col min="12312" max="12312" width="2.109375" style="1" customWidth="1"/>
    <col min="12313" max="12313" width="3.6640625" style="1" customWidth="1"/>
    <col min="12314" max="12314" width="2.88671875" style="1" customWidth="1"/>
    <col min="12315" max="12315" width="8.6640625" style="1" customWidth="1"/>
    <col min="12316" max="12316" width="2.88671875" style="1" customWidth="1"/>
    <col min="12317" max="12317" width="1.6640625" style="1" customWidth="1"/>
    <col min="12318" max="12318" width="10.33203125" style="1" customWidth="1"/>
    <col min="12319" max="12319" width="5.6640625" style="1" customWidth="1"/>
    <col min="12320" max="12320" width="2.109375" style="1" customWidth="1"/>
    <col min="12321" max="12321" width="1.88671875" style="1" customWidth="1"/>
    <col min="12322" max="12322" width="2.109375" style="1" customWidth="1"/>
    <col min="12323" max="12323" width="3.109375" style="1" customWidth="1"/>
    <col min="12324" max="12325" width="3.6640625" style="1" customWidth="1"/>
    <col min="12326" max="12326" width="5.109375" style="1" customWidth="1"/>
    <col min="12327" max="12327" width="8.88671875" style="1" customWidth="1"/>
    <col min="12328" max="12328" width="2.6640625" style="1" customWidth="1"/>
    <col min="12329" max="12331" width="2.109375" style="1" customWidth="1"/>
    <col min="12332" max="12332" width="5.6640625" style="1" customWidth="1"/>
    <col min="12333" max="12333" width="2.109375" style="1" customWidth="1"/>
    <col min="12334" max="12334" width="15.109375" style="1" customWidth="1"/>
    <col min="12335" max="12335" width="1.6640625" style="1" customWidth="1"/>
    <col min="12336" max="12336" width="3.109375" style="1" customWidth="1"/>
    <col min="12337" max="12337" width="3.6640625" style="1" customWidth="1"/>
    <col min="12338" max="12338" width="3.109375" style="1" customWidth="1"/>
    <col min="12339" max="12339" width="2.6640625" style="1" customWidth="1"/>
    <col min="12340" max="12340" width="6.6640625" style="1" customWidth="1"/>
    <col min="12341" max="12341" width="2.6640625" style="1" customWidth="1"/>
    <col min="12342" max="12551" width="9" style="1"/>
    <col min="12552" max="12552" width="11.6640625" style="1" bestFit="1" customWidth="1"/>
    <col min="12553" max="12553" width="6.44140625" style="1" bestFit="1" customWidth="1"/>
    <col min="12554" max="12554" width="2.109375" style="1" customWidth="1"/>
    <col min="12555" max="12555" width="4.6640625" style="1" customWidth="1"/>
    <col min="12556" max="12557" width="2.109375" style="1" customWidth="1"/>
    <col min="12558" max="12558" width="5.6640625" style="1" customWidth="1"/>
    <col min="12559" max="12559" width="3.6640625" style="1" customWidth="1"/>
    <col min="12560" max="12560" width="5.6640625" style="1" customWidth="1"/>
    <col min="12561" max="12561" width="3.6640625" style="1" customWidth="1"/>
    <col min="12562" max="12562" width="3.44140625" style="1" bestFit="1" customWidth="1"/>
    <col min="12563" max="12563" width="3.6640625" style="1" customWidth="1"/>
    <col min="12564" max="12564" width="3.44140625" style="1" bestFit="1" customWidth="1"/>
    <col min="12565" max="12565" width="3.6640625" style="1" customWidth="1"/>
    <col min="12566" max="12566" width="3.44140625" style="1" bestFit="1" customWidth="1"/>
    <col min="12567" max="12567" width="5.109375" style="1" customWidth="1"/>
    <col min="12568" max="12568" width="2.109375" style="1" customWidth="1"/>
    <col min="12569" max="12569" width="3.6640625" style="1" customWidth="1"/>
    <col min="12570" max="12570" width="2.88671875" style="1" customWidth="1"/>
    <col min="12571" max="12571" width="8.6640625" style="1" customWidth="1"/>
    <col min="12572" max="12572" width="2.88671875" style="1" customWidth="1"/>
    <col min="12573" max="12573" width="1.6640625" style="1" customWidth="1"/>
    <col min="12574" max="12574" width="10.33203125" style="1" customWidth="1"/>
    <col min="12575" max="12575" width="5.6640625" style="1" customWidth="1"/>
    <col min="12576" max="12576" width="2.109375" style="1" customWidth="1"/>
    <col min="12577" max="12577" width="1.88671875" style="1" customWidth="1"/>
    <col min="12578" max="12578" width="2.109375" style="1" customWidth="1"/>
    <col min="12579" max="12579" width="3.109375" style="1" customWidth="1"/>
    <col min="12580" max="12581" width="3.6640625" style="1" customWidth="1"/>
    <col min="12582" max="12582" width="5.109375" style="1" customWidth="1"/>
    <col min="12583" max="12583" width="8.88671875" style="1" customWidth="1"/>
    <col min="12584" max="12584" width="2.6640625" style="1" customWidth="1"/>
    <col min="12585" max="12587" width="2.109375" style="1" customWidth="1"/>
    <col min="12588" max="12588" width="5.6640625" style="1" customWidth="1"/>
    <col min="12589" max="12589" width="2.109375" style="1" customWidth="1"/>
    <col min="12590" max="12590" width="15.109375" style="1" customWidth="1"/>
    <col min="12591" max="12591" width="1.6640625" style="1" customWidth="1"/>
    <col min="12592" max="12592" width="3.109375" style="1" customWidth="1"/>
    <col min="12593" max="12593" width="3.6640625" style="1" customWidth="1"/>
    <col min="12594" max="12594" width="3.109375" style="1" customWidth="1"/>
    <col min="12595" max="12595" width="2.6640625" style="1" customWidth="1"/>
    <col min="12596" max="12596" width="6.6640625" style="1" customWidth="1"/>
    <col min="12597" max="12597" width="2.6640625" style="1" customWidth="1"/>
    <col min="12598" max="12807" width="9" style="1"/>
    <col min="12808" max="12808" width="11.6640625" style="1" bestFit="1" customWidth="1"/>
    <col min="12809" max="12809" width="6.44140625" style="1" bestFit="1" customWidth="1"/>
    <col min="12810" max="12810" width="2.109375" style="1" customWidth="1"/>
    <col min="12811" max="12811" width="4.6640625" style="1" customWidth="1"/>
    <col min="12812" max="12813" width="2.109375" style="1" customWidth="1"/>
    <col min="12814" max="12814" width="5.6640625" style="1" customWidth="1"/>
    <col min="12815" max="12815" width="3.6640625" style="1" customWidth="1"/>
    <col min="12816" max="12816" width="5.6640625" style="1" customWidth="1"/>
    <col min="12817" max="12817" width="3.6640625" style="1" customWidth="1"/>
    <col min="12818" max="12818" width="3.44140625" style="1" bestFit="1" customWidth="1"/>
    <col min="12819" max="12819" width="3.6640625" style="1" customWidth="1"/>
    <col min="12820" max="12820" width="3.44140625" style="1" bestFit="1" customWidth="1"/>
    <col min="12821" max="12821" width="3.6640625" style="1" customWidth="1"/>
    <col min="12822" max="12822" width="3.44140625" style="1" bestFit="1" customWidth="1"/>
    <col min="12823" max="12823" width="5.109375" style="1" customWidth="1"/>
    <col min="12824" max="12824" width="2.109375" style="1" customWidth="1"/>
    <col min="12825" max="12825" width="3.6640625" style="1" customWidth="1"/>
    <col min="12826" max="12826" width="2.88671875" style="1" customWidth="1"/>
    <col min="12827" max="12827" width="8.6640625" style="1" customWidth="1"/>
    <col min="12828" max="12828" width="2.88671875" style="1" customWidth="1"/>
    <col min="12829" max="12829" width="1.6640625" style="1" customWidth="1"/>
    <col min="12830" max="12830" width="10.33203125" style="1" customWidth="1"/>
    <col min="12831" max="12831" width="5.6640625" style="1" customWidth="1"/>
    <col min="12832" max="12832" width="2.109375" style="1" customWidth="1"/>
    <col min="12833" max="12833" width="1.88671875" style="1" customWidth="1"/>
    <col min="12834" max="12834" width="2.109375" style="1" customWidth="1"/>
    <col min="12835" max="12835" width="3.109375" style="1" customWidth="1"/>
    <col min="12836" max="12837" width="3.6640625" style="1" customWidth="1"/>
    <col min="12838" max="12838" width="5.109375" style="1" customWidth="1"/>
    <col min="12839" max="12839" width="8.88671875" style="1" customWidth="1"/>
    <col min="12840" max="12840" width="2.6640625" style="1" customWidth="1"/>
    <col min="12841" max="12843" width="2.109375" style="1" customWidth="1"/>
    <col min="12844" max="12844" width="5.6640625" style="1" customWidth="1"/>
    <col min="12845" max="12845" width="2.109375" style="1" customWidth="1"/>
    <col min="12846" max="12846" width="15.109375" style="1" customWidth="1"/>
    <col min="12847" max="12847" width="1.6640625" style="1" customWidth="1"/>
    <col min="12848" max="12848" width="3.109375" style="1" customWidth="1"/>
    <col min="12849" max="12849" width="3.6640625" style="1" customWidth="1"/>
    <col min="12850" max="12850" width="3.109375" style="1" customWidth="1"/>
    <col min="12851" max="12851" width="2.6640625" style="1" customWidth="1"/>
    <col min="12852" max="12852" width="6.6640625" style="1" customWidth="1"/>
    <col min="12853" max="12853" width="2.6640625" style="1" customWidth="1"/>
    <col min="12854" max="13063" width="9" style="1"/>
    <col min="13064" max="13064" width="11.6640625" style="1" bestFit="1" customWidth="1"/>
    <col min="13065" max="13065" width="6.44140625" style="1" bestFit="1" customWidth="1"/>
    <col min="13066" max="13066" width="2.109375" style="1" customWidth="1"/>
    <col min="13067" max="13067" width="4.6640625" style="1" customWidth="1"/>
    <col min="13068" max="13069" width="2.109375" style="1" customWidth="1"/>
    <col min="13070" max="13070" width="5.6640625" style="1" customWidth="1"/>
    <col min="13071" max="13071" width="3.6640625" style="1" customWidth="1"/>
    <col min="13072" max="13072" width="5.6640625" style="1" customWidth="1"/>
    <col min="13073" max="13073" width="3.6640625" style="1" customWidth="1"/>
    <col min="13074" max="13074" width="3.44140625" style="1" bestFit="1" customWidth="1"/>
    <col min="13075" max="13075" width="3.6640625" style="1" customWidth="1"/>
    <col min="13076" max="13076" width="3.44140625" style="1" bestFit="1" customWidth="1"/>
    <col min="13077" max="13077" width="3.6640625" style="1" customWidth="1"/>
    <col min="13078" max="13078" width="3.44140625" style="1" bestFit="1" customWidth="1"/>
    <col min="13079" max="13079" width="5.109375" style="1" customWidth="1"/>
    <col min="13080" max="13080" width="2.109375" style="1" customWidth="1"/>
    <col min="13081" max="13081" width="3.6640625" style="1" customWidth="1"/>
    <col min="13082" max="13082" width="2.88671875" style="1" customWidth="1"/>
    <col min="13083" max="13083" width="8.6640625" style="1" customWidth="1"/>
    <col min="13084" max="13084" width="2.88671875" style="1" customWidth="1"/>
    <col min="13085" max="13085" width="1.6640625" style="1" customWidth="1"/>
    <col min="13086" max="13086" width="10.33203125" style="1" customWidth="1"/>
    <col min="13087" max="13087" width="5.6640625" style="1" customWidth="1"/>
    <col min="13088" max="13088" width="2.109375" style="1" customWidth="1"/>
    <col min="13089" max="13089" width="1.88671875" style="1" customWidth="1"/>
    <col min="13090" max="13090" width="2.109375" style="1" customWidth="1"/>
    <col min="13091" max="13091" width="3.109375" style="1" customWidth="1"/>
    <col min="13092" max="13093" width="3.6640625" style="1" customWidth="1"/>
    <col min="13094" max="13094" width="5.109375" style="1" customWidth="1"/>
    <col min="13095" max="13095" width="8.88671875" style="1" customWidth="1"/>
    <col min="13096" max="13096" width="2.6640625" style="1" customWidth="1"/>
    <col min="13097" max="13099" width="2.109375" style="1" customWidth="1"/>
    <col min="13100" max="13100" width="5.6640625" style="1" customWidth="1"/>
    <col min="13101" max="13101" width="2.109375" style="1" customWidth="1"/>
    <col min="13102" max="13102" width="15.109375" style="1" customWidth="1"/>
    <col min="13103" max="13103" width="1.6640625" style="1" customWidth="1"/>
    <col min="13104" max="13104" width="3.109375" style="1" customWidth="1"/>
    <col min="13105" max="13105" width="3.6640625" style="1" customWidth="1"/>
    <col min="13106" max="13106" width="3.109375" style="1" customWidth="1"/>
    <col min="13107" max="13107" width="2.6640625" style="1" customWidth="1"/>
    <col min="13108" max="13108" width="6.6640625" style="1" customWidth="1"/>
    <col min="13109" max="13109" width="2.6640625" style="1" customWidth="1"/>
    <col min="13110" max="13319" width="9" style="1"/>
    <col min="13320" max="13320" width="11.6640625" style="1" bestFit="1" customWidth="1"/>
    <col min="13321" max="13321" width="6.44140625" style="1" bestFit="1" customWidth="1"/>
    <col min="13322" max="13322" width="2.109375" style="1" customWidth="1"/>
    <col min="13323" max="13323" width="4.6640625" style="1" customWidth="1"/>
    <col min="13324" max="13325" width="2.109375" style="1" customWidth="1"/>
    <col min="13326" max="13326" width="5.6640625" style="1" customWidth="1"/>
    <col min="13327" max="13327" width="3.6640625" style="1" customWidth="1"/>
    <col min="13328" max="13328" width="5.6640625" style="1" customWidth="1"/>
    <col min="13329" max="13329" width="3.6640625" style="1" customWidth="1"/>
    <col min="13330" max="13330" width="3.44140625" style="1" bestFit="1" customWidth="1"/>
    <col min="13331" max="13331" width="3.6640625" style="1" customWidth="1"/>
    <col min="13332" max="13332" width="3.44140625" style="1" bestFit="1" customWidth="1"/>
    <col min="13333" max="13333" width="3.6640625" style="1" customWidth="1"/>
    <col min="13334" max="13334" width="3.44140625" style="1" bestFit="1" customWidth="1"/>
    <col min="13335" max="13335" width="5.109375" style="1" customWidth="1"/>
    <col min="13336" max="13336" width="2.109375" style="1" customWidth="1"/>
    <col min="13337" max="13337" width="3.6640625" style="1" customWidth="1"/>
    <col min="13338" max="13338" width="2.88671875" style="1" customWidth="1"/>
    <col min="13339" max="13339" width="8.6640625" style="1" customWidth="1"/>
    <col min="13340" max="13340" width="2.88671875" style="1" customWidth="1"/>
    <col min="13341" max="13341" width="1.6640625" style="1" customWidth="1"/>
    <col min="13342" max="13342" width="10.33203125" style="1" customWidth="1"/>
    <col min="13343" max="13343" width="5.6640625" style="1" customWidth="1"/>
    <col min="13344" max="13344" width="2.109375" style="1" customWidth="1"/>
    <col min="13345" max="13345" width="1.88671875" style="1" customWidth="1"/>
    <col min="13346" max="13346" width="2.109375" style="1" customWidth="1"/>
    <col min="13347" max="13347" width="3.109375" style="1" customWidth="1"/>
    <col min="13348" max="13349" width="3.6640625" style="1" customWidth="1"/>
    <col min="13350" max="13350" width="5.109375" style="1" customWidth="1"/>
    <col min="13351" max="13351" width="8.88671875" style="1" customWidth="1"/>
    <col min="13352" max="13352" width="2.6640625" style="1" customWidth="1"/>
    <col min="13353" max="13355" width="2.109375" style="1" customWidth="1"/>
    <col min="13356" max="13356" width="5.6640625" style="1" customWidth="1"/>
    <col min="13357" max="13357" width="2.109375" style="1" customWidth="1"/>
    <col min="13358" max="13358" width="15.109375" style="1" customWidth="1"/>
    <col min="13359" max="13359" width="1.6640625" style="1" customWidth="1"/>
    <col min="13360" max="13360" width="3.109375" style="1" customWidth="1"/>
    <col min="13361" max="13361" width="3.6640625" style="1" customWidth="1"/>
    <col min="13362" max="13362" width="3.109375" style="1" customWidth="1"/>
    <col min="13363" max="13363" width="2.6640625" style="1" customWidth="1"/>
    <col min="13364" max="13364" width="6.6640625" style="1" customWidth="1"/>
    <col min="13365" max="13365" width="2.6640625" style="1" customWidth="1"/>
    <col min="13366" max="13575" width="9" style="1"/>
    <col min="13576" max="13576" width="11.6640625" style="1" bestFit="1" customWidth="1"/>
    <col min="13577" max="13577" width="6.44140625" style="1" bestFit="1" customWidth="1"/>
    <col min="13578" max="13578" width="2.109375" style="1" customWidth="1"/>
    <col min="13579" max="13579" width="4.6640625" style="1" customWidth="1"/>
    <col min="13580" max="13581" width="2.109375" style="1" customWidth="1"/>
    <col min="13582" max="13582" width="5.6640625" style="1" customWidth="1"/>
    <col min="13583" max="13583" width="3.6640625" style="1" customWidth="1"/>
    <col min="13584" max="13584" width="5.6640625" style="1" customWidth="1"/>
    <col min="13585" max="13585" width="3.6640625" style="1" customWidth="1"/>
    <col min="13586" max="13586" width="3.44140625" style="1" bestFit="1" customWidth="1"/>
    <col min="13587" max="13587" width="3.6640625" style="1" customWidth="1"/>
    <col min="13588" max="13588" width="3.44140625" style="1" bestFit="1" customWidth="1"/>
    <col min="13589" max="13589" width="3.6640625" style="1" customWidth="1"/>
    <col min="13590" max="13590" width="3.44140625" style="1" bestFit="1" customWidth="1"/>
    <col min="13591" max="13591" width="5.109375" style="1" customWidth="1"/>
    <col min="13592" max="13592" width="2.109375" style="1" customWidth="1"/>
    <col min="13593" max="13593" width="3.6640625" style="1" customWidth="1"/>
    <col min="13594" max="13594" width="2.88671875" style="1" customWidth="1"/>
    <col min="13595" max="13595" width="8.6640625" style="1" customWidth="1"/>
    <col min="13596" max="13596" width="2.88671875" style="1" customWidth="1"/>
    <col min="13597" max="13597" width="1.6640625" style="1" customWidth="1"/>
    <col min="13598" max="13598" width="10.33203125" style="1" customWidth="1"/>
    <col min="13599" max="13599" width="5.6640625" style="1" customWidth="1"/>
    <col min="13600" max="13600" width="2.109375" style="1" customWidth="1"/>
    <col min="13601" max="13601" width="1.88671875" style="1" customWidth="1"/>
    <col min="13602" max="13602" width="2.109375" style="1" customWidth="1"/>
    <col min="13603" max="13603" width="3.109375" style="1" customWidth="1"/>
    <col min="13604" max="13605" width="3.6640625" style="1" customWidth="1"/>
    <col min="13606" max="13606" width="5.109375" style="1" customWidth="1"/>
    <col min="13607" max="13607" width="8.88671875" style="1" customWidth="1"/>
    <col min="13608" max="13608" width="2.6640625" style="1" customWidth="1"/>
    <col min="13609" max="13611" width="2.109375" style="1" customWidth="1"/>
    <col min="13612" max="13612" width="5.6640625" style="1" customWidth="1"/>
    <col min="13613" max="13613" width="2.109375" style="1" customWidth="1"/>
    <col min="13614" max="13614" width="15.109375" style="1" customWidth="1"/>
    <col min="13615" max="13615" width="1.6640625" style="1" customWidth="1"/>
    <col min="13616" max="13616" width="3.109375" style="1" customWidth="1"/>
    <col min="13617" max="13617" width="3.6640625" style="1" customWidth="1"/>
    <col min="13618" max="13618" width="3.109375" style="1" customWidth="1"/>
    <col min="13619" max="13619" width="2.6640625" style="1" customWidth="1"/>
    <col min="13620" max="13620" width="6.6640625" style="1" customWidth="1"/>
    <col min="13621" max="13621" width="2.6640625" style="1" customWidth="1"/>
    <col min="13622" max="13831" width="9" style="1"/>
    <col min="13832" max="13832" width="11.6640625" style="1" bestFit="1" customWidth="1"/>
    <col min="13833" max="13833" width="6.44140625" style="1" bestFit="1" customWidth="1"/>
    <col min="13834" max="13834" width="2.109375" style="1" customWidth="1"/>
    <col min="13835" max="13835" width="4.6640625" style="1" customWidth="1"/>
    <col min="13836" max="13837" width="2.109375" style="1" customWidth="1"/>
    <col min="13838" max="13838" width="5.6640625" style="1" customWidth="1"/>
    <col min="13839" max="13839" width="3.6640625" style="1" customWidth="1"/>
    <col min="13840" max="13840" width="5.6640625" style="1" customWidth="1"/>
    <col min="13841" max="13841" width="3.6640625" style="1" customWidth="1"/>
    <col min="13842" max="13842" width="3.44140625" style="1" bestFit="1" customWidth="1"/>
    <col min="13843" max="13843" width="3.6640625" style="1" customWidth="1"/>
    <col min="13844" max="13844" width="3.44140625" style="1" bestFit="1" customWidth="1"/>
    <col min="13845" max="13845" width="3.6640625" style="1" customWidth="1"/>
    <col min="13846" max="13846" width="3.44140625" style="1" bestFit="1" customWidth="1"/>
    <col min="13847" max="13847" width="5.109375" style="1" customWidth="1"/>
    <col min="13848" max="13848" width="2.109375" style="1" customWidth="1"/>
    <col min="13849" max="13849" width="3.6640625" style="1" customWidth="1"/>
    <col min="13850" max="13850" width="2.88671875" style="1" customWidth="1"/>
    <col min="13851" max="13851" width="8.6640625" style="1" customWidth="1"/>
    <col min="13852" max="13852" width="2.88671875" style="1" customWidth="1"/>
    <col min="13853" max="13853" width="1.6640625" style="1" customWidth="1"/>
    <col min="13854" max="13854" width="10.33203125" style="1" customWidth="1"/>
    <col min="13855" max="13855" width="5.6640625" style="1" customWidth="1"/>
    <col min="13856" max="13856" width="2.109375" style="1" customWidth="1"/>
    <col min="13857" max="13857" width="1.88671875" style="1" customWidth="1"/>
    <col min="13858" max="13858" width="2.109375" style="1" customWidth="1"/>
    <col min="13859" max="13859" width="3.109375" style="1" customWidth="1"/>
    <col min="13860" max="13861" width="3.6640625" style="1" customWidth="1"/>
    <col min="13862" max="13862" width="5.109375" style="1" customWidth="1"/>
    <col min="13863" max="13863" width="8.88671875" style="1" customWidth="1"/>
    <col min="13864" max="13864" width="2.6640625" style="1" customWidth="1"/>
    <col min="13865" max="13867" width="2.109375" style="1" customWidth="1"/>
    <col min="13868" max="13868" width="5.6640625" style="1" customWidth="1"/>
    <col min="13869" max="13869" width="2.109375" style="1" customWidth="1"/>
    <col min="13870" max="13870" width="15.109375" style="1" customWidth="1"/>
    <col min="13871" max="13871" width="1.6640625" style="1" customWidth="1"/>
    <col min="13872" max="13872" width="3.109375" style="1" customWidth="1"/>
    <col min="13873" max="13873" width="3.6640625" style="1" customWidth="1"/>
    <col min="13874" max="13874" width="3.109375" style="1" customWidth="1"/>
    <col min="13875" max="13875" width="2.6640625" style="1" customWidth="1"/>
    <col min="13876" max="13876" width="6.6640625" style="1" customWidth="1"/>
    <col min="13877" max="13877" width="2.6640625" style="1" customWidth="1"/>
    <col min="13878" max="14087" width="9" style="1"/>
    <col min="14088" max="14088" width="11.6640625" style="1" bestFit="1" customWidth="1"/>
    <col min="14089" max="14089" width="6.44140625" style="1" bestFit="1" customWidth="1"/>
    <col min="14090" max="14090" width="2.109375" style="1" customWidth="1"/>
    <col min="14091" max="14091" width="4.6640625" style="1" customWidth="1"/>
    <col min="14092" max="14093" width="2.109375" style="1" customWidth="1"/>
    <col min="14094" max="14094" width="5.6640625" style="1" customWidth="1"/>
    <col min="14095" max="14095" width="3.6640625" style="1" customWidth="1"/>
    <col min="14096" max="14096" width="5.6640625" style="1" customWidth="1"/>
    <col min="14097" max="14097" width="3.6640625" style="1" customWidth="1"/>
    <col min="14098" max="14098" width="3.44140625" style="1" bestFit="1" customWidth="1"/>
    <col min="14099" max="14099" width="3.6640625" style="1" customWidth="1"/>
    <col min="14100" max="14100" width="3.44140625" style="1" bestFit="1" customWidth="1"/>
    <col min="14101" max="14101" width="3.6640625" style="1" customWidth="1"/>
    <col min="14102" max="14102" width="3.44140625" style="1" bestFit="1" customWidth="1"/>
    <col min="14103" max="14103" width="5.109375" style="1" customWidth="1"/>
    <col min="14104" max="14104" width="2.109375" style="1" customWidth="1"/>
    <col min="14105" max="14105" width="3.6640625" style="1" customWidth="1"/>
    <col min="14106" max="14106" width="2.88671875" style="1" customWidth="1"/>
    <col min="14107" max="14107" width="8.6640625" style="1" customWidth="1"/>
    <col min="14108" max="14108" width="2.88671875" style="1" customWidth="1"/>
    <col min="14109" max="14109" width="1.6640625" style="1" customWidth="1"/>
    <col min="14110" max="14110" width="10.33203125" style="1" customWidth="1"/>
    <col min="14111" max="14111" width="5.6640625" style="1" customWidth="1"/>
    <col min="14112" max="14112" width="2.109375" style="1" customWidth="1"/>
    <col min="14113" max="14113" width="1.88671875" style="1" customWidth="1"/>
    <col min="14114" max="14114" width="2.109375" style="1" customWidth="1"/>
    <col min="14115" max="14115" width="3.109375" style="1" customWidth="1"/>
    <col min="14116" max="14117" width="3.6640625" style="1" customWidth="1"/>
    <col min="14118" max="14118" width="5.109375" style="1" customWidth="1"/>
    <col min="14119" max="14119" width="8.88671875" style="1" customWidth="1"/>
    <col min="14120" max="14120" width="2.6640625" style="1" customWidth="1"/>
    <col min="14121" max="14123" width="2.109375" style="1" customWidth="1"/>
    <col min="14124" max="14124" width="5.6640625" style="1" customWidth="1"/>
    <col min="14125" max="14125" width="2.109375" style="1" customWidth="1"/>
    <col min="14126" max="14126" width="15.109375" style="1" customWidth="1"/>
    <col min="14127" max="14127" width="1.6640625" style="1" customWidth="1"/>
    <col min="14128" max="14128" width="3.109375" style="1" customWidth="1"/>
    <col min="14129" max="14129" width="3.6640625" style="1" customWidth="1"/>
    <col min="14130" max="14130" width="3.109375" style="1" customWidth="1"/>
    <col min="14131" max="14131" width="2.6640625" style="1" customWidth="1"/>
    <col min="14132" max="14132" width="6.6640625" style="1" customWidth="1"/>
    <col min="14133" max="14133" width="2.6640625" style="1" customWidth="1"/>
    <col min="14134" max="14343" width="9" style="1"/>
    <col min="14344" max="14344" width="11.6640625" style="1" bestFit="1" customWidth="1"/>
    <col min="14345" max="14345" width="6.44140625" style="1" bestFit="1" customWidth="1"/>
    <col min="14346" max="14346" width="2.109375" style="1" customWidth="1"/>
    <col min="14347" max="14347" width="4.6640625" style="1" customWidth="1"/>
    <col min="14348" max="14349" width="2.109375" style="1" customWidth="1"/>
    <col min="14350" max="14350" width="5.6640625" style="1" customWidth="1"/>
    <col min="14351" max="14351" width="3.6640625" style="1" customWidth="1"/>
    <col min="14352" max="14352" width="5.6640625" style="1" customWidth="1"/>
    <col min="14353" max="14353" width="3.6640625" style="1" customWidth="1"/>
    <col min="14354" max="14354" width="3.44140625" style="1" bestFit="1" customWidth="1"/>
    <col min="14355" max="14355" width="3.6640625" style="1" customWidth="1"/>
    <col min="14356" max="14356" width="3.44140625" style="1" bestFit="1" customWidth="1"/>
    <col min="14357" max="14357" width="3.6640625" style="1" customWidth="1"/>
    <col min="14358" max="14358" width="3.44140625" style="1" bestFit="1" customWidth="1"/>
    <col min="14359" max="14359" width="5.109375" style="1" customWidth="1"/>
    <col min="14360" max="14360" width="2.109375" style="1" customWidth="1"/>
    <col min="14361" max="14361" width="3.6640625" style="1" customWidth="1"/>
    <col min="14362" max="14362" width="2.88671875" style="1" customWidth="1"/>
    <col min="14363" max="14363" width="8.6640625" style="1" customWidth="1"/>
    <col min="14364" max="14364" width="2.88671875" style="1" customWidth="1"/>
    <col min="14365" max="14365" width="1.6640625" style="1" customWidth="1"/>
    <col min="14366" max="14366" width="10.33203125" style="1" customWidth="1"/>
    <col min="14367" max="14367" width="5.6640625" style="1" customWidth="1"/>
    <col min="14368" max="14368" width="2.109375" style="1" customWidth="1"/>
    <col min="14369" max="14369" width="1.88671875" style="1" customWidth="1"/>
    <col min="14370" max="14370" width="2.109375" style="1" customWidth="1"/>
    <col min="14371" max="14371" width="3.109375" style="1" customWidth="1"/>
    <col min="14372" max="14373" width="3.6640625" style="1" customWidth="1"/>
    <col min="14374" max="14374" width="5.109375" style="1" customWidth="1"/>
    <col min="14375" max="14375" width="8.88671875" style="1" customWidth="1"/>
    <col min="14376" max="14376" width="2.6640625" style="1" customWidth="1"/>
    <col min="14377" max="14379" width="2.109375" style="1" customWidth="1"/>
    <col min="14380" max="14380" width="5.6640625" style="1" customWidth="1"/>
    <col min="14381" max="14381" width="2.109375" style="1" customWidth="1"/>
    <col min="14382" max="14382" width="15.109375" style="1" customWidth="1"/>
    <col min="14383" max="14383" width="1.6640625" style="1" customWidth="1"/>
    <col min="14384" max="14384" width="3.109375" style="1" customWidth="1"/>
    <col min="14385" max="14385" width="3.6640625" style="1" customWidth="1"/>
    <col min="14386" max="14386" width="3.109375" style="1" customWidth="1"/>
    <col min="14387" max="14387" width="2.6640625" style="1" customWidth="1"/>
    <col min="14388" max="14388" width="6.6640625" style="1" customWidth="1"/>
    <col min="14389" max="14389" width="2.6640625" style="1" customWidth="1"/>
    <col min="14390" max="14599" width="9" style="1"/>
    <col min="14600" max="14600" width="11.6640625" style="1" bestFit="1" customWidth="1"/>
    <col min="14601" max="14601" width="6.44140625" style="1" bestFit="1" customWidth="1"/>
    <col min="14602" max="14602" width="2.109375" style="1" customWidth="1"/>
    <col min="14603" max="14603" width="4.6640625" style="1" customWidth="1"/>
    <col min="14604" max="14605" width="2.109375" style="1" customWidth="1"/>
    <col min="14606" max="14606" width="5.6640625" style="1" customWidth="1"/>
    <col min="14607" max="14607" width="3.6640625" style="1" customWidth="1"/>
    <col min="14608" max="14608" width="5.6640625" style="1" customWidth="1"/>
    <col min="14609" max="14609" width="3.6640625" style="1" customWidth="1"/>
    <col min="14610" max="14610" width="3.44140625" style="1" bestFit="1" customWidth="1"/>
    <col min="14611" max="14611" width="3.6640625" style="1" customWidth="1"/>
    <col min="14612" max="14612" width="3.44140625" style="1" bestFit="1" customWidth="1"/>
    <col min="14613" max="14613" width="3.6640625" style="1" customWidth="1"/>
    <col min="14614" max="14614" width="3.44140625" style="1" bestFit="1" customWidth="1"/>
    <col min="14615" max="14615" width="5.109375" style="1" customWidth="1"/>
    <col min="14616" max="14616" width="2.109375" style="1" customWidth="1"/>
    <col min="14617" max="14617" width="3.6640625" style="1" customWidth="1"/>
    <col min="14618" max="14618" width="2.88671875" style="1" customWidth="1"/>
    <col min="14619" max="14619" width="8.6640625" style="1" customWidth="1"/>
    <col min="14620" max="14620" width="2.88671875" style="1" customWidth="1"/>
    <col min="14621" max="14621" width="1.6640625" style="1" customWidth="1"/>
    <col min="14622" max="14622" width="10.33203125" style="1" customWidth="1"/>
    <col min="14623" max="14623" width="5.6640625" style="1" customWidth="1"/>
    <col min="14624" max="14624" width="2.109375" style="1" customWidth="1"/>
    <col min="14625" max="14625" width="1.88671875" style="1" customWidth="1"/>
    <col min="14626" max="14626" width="2.109375" style="1" customWidth="1"/>
    <col min="14627" max="14627" width="3.109375" style="1" customWidth="1"/>
    <col min="14628" max="14629" width="3.6640625" style="1" customWidth="1"/>
    <col min="14630" max="14630" width="5.109375" style="1" customWidth="1"/>
    <col min="14631" max="14631" width="8.88671875" style="1" customWidth="1"/>
    <col min="14632" max="14632" width="2.6640625" style="1" customWidth="1"/>
    <col min="14633" max="14635" width="2.109375" style="1" customWidth="1"/>
    <col min="14636" max="14636" width="5.6640625" style="1" customWidth="1"/>
    <col min="14637" max="14637" width="2.109375" style="1" customWidth="1"/>
    <col min="14638" max="14638" width="15.109375" style="1" customWidth="1"/>
    <col min="14639" max="14639" width="1.6640625" style="1" customWidth="1"/>
    <col min="14640" max="14640" width="3.109375" style="1" customWidth="1"/>
    <col min="14641" max="14641" width="3.6640625" style="1" customWidth="1"/>
    <col min="14642" max="14642" width="3.109375" style="1" customWidth="1"/>
    <col min="14643" max="14643" width="2.6640625" style="1" customWidth="1"/>
    <col min="14644" max="14644" width="6.6640625" style="1" customWidth="1"/>
    <col min="14645" max="14645" width="2.6640625" style="1" customWidth="1"/>
    <col min="14646" max="14855" width="9" style="1"/>
    <col min="14856" max="14856" width="11.6640625" style="1" bestFit="1" customWidth="1"/>
    <col min="14857" max="14857" width="6.44140625" style="1" bestFit="1" customWidth="1"/>
    <col min="14858" max="14858" width="2.109375" style="1" customWidth="1"/>
    <col min="14859" max="14859" width="4.6640625" style="1" customWidth="1"/>
    <col min="14860" max="14861" width="2.109375" style="1" customWidth="1"/>
    <col min="14862" max="14862" width="5.6640625" style="1" customWidth="1"/>
    <col min="14863" max="14863" width="3.6640625" style="1" customWidth="1"/>
    <col min="14864" max="14864" width="5.6640625" style="1" customWidth="1"/>
    <col min="14865" max="14865" width="3.6640625" style="1" customWidth="1"/>
    <col min="14866" max="14866" width="3.44140625" style="1" bestFit="1" customWidth="1"/>
    <col min="14867" max="14867" width="3.6640625" style="1" customWidth="1"/>
    <col min="14868" max="14868" width="3.44140625" style="1" bestFit="1" customWidth="1"/>
    <col min="14869" max="14869" width="3.6640625" style="1" customWidth="1"/>
    <col min="14870" max="14870" width="3.44140625" style="1" bestFit="1" customWidth="1"/>
    <col min="14871" max="14871" width="5.109375" style="1" customWidth="1"/>
    <col min="14872" max="14872" width="2.109375" style="1" customWidth="1"/>
    <col min="14873" max="14873" width="3.6640625" style="1" customWidth="1"/>
    <col min="14874" max="14874" width="2.88671875" style="1" customWidth="1"/>
    <col min="14875" max="14875" width="8.6640625" style="1" customWidth="1"/>
    <col min="14876" max="14876" width="2.88671875" style="1" customWidth="1"/>
    <col min="14877" max="14877" width="1.6640625" style="1" customWidth="1"/>
    <col min="14878" max="14878" width="10.33203125" style="1" customWidth="1"/>
    <col min="14879" max="14879" width="5.6640625" style="1" customWidth="1"/>
    <col min="14880" max="14880" width="2.109375" style="1" customWidth="1"/>
    <col min="14881" max="14881" width="1.88671875" style="1" customWidth="1"/>
    <col min="14882" max="14882" width="2.109375" style="1" customWidth="1"/>
    <col min="14883" max="14883" width="3.109375" style="1" customWidth="1"/>
    <col min="14884" max="14885" width="3.6640625" style="1" customWidth="1"/>
    <col min="14886" max="14886" width="5.109375" style="1" customWidth="1"/>
    <col min="14887" max="14887" width="8.88671875" style="1" customWidth="1"/>
    <col min="14888" max="14888" width="2.6640625" style="1" customWidth="1"/>
    <col min="14889" max="14891" width="2.109375" style="1" customWidth="1"/>
    <col min="14892" max="14892" width="5.6640625" style="1" customWidth="1"/>
    <col min="14893" max="14893" width="2.109375" style="1" customWidth="1"/>
    <col min="14894" max="14894" width="15.109375" style="1" customWidth="1"/>
    <col min="14895" max="14895" width="1.6640625" style="1" customWidth="1"/>
    <col min="14896" max="14896" width="3.109375" style="1" customWidth="1"/>
    <col min="14897" max="14897" width="3.6640625" style="1" customWidth="1"/>
    <col min="14898" max="14898" width="3.109375" style="1" customWidth="1"/>
    <col min="14899" max="14899" width="2.6640625" style="1" customWidth="1"/>
    <col min="14900" max="14900" width="6.6640625" style="1" customWidth="1"/>
    <col min="14901" max="14901" width="2.6640625" style="1" customWidth="1"/>
    <col min="14902" max="15111" width="9" style="1"/>
    <col min="15112" max="15112" width="11.6640625" style="1" bestFit="1" customWidth="1"/>
    <col min="15113" max="15113" width="6.44140625" style="1" bestFit="1" customWidth="1"/>
    <col min="15114" max="15114" width="2.109375" style="1" customWidth="1"/>
    <col min="15115" max="15115" width="4.6640625" style="1" customWidth="1"/>
    <col min="15116" max="15117" width="2.109375" style="1" customWidth="1"/>
    <col min="15118" max="15118" width="5.6640625" style="1" customWidth="1"/>
    <col min="15119" max="15119" width="3.6640625" style="1" customWidth="1"/>
    <col min="15120" max="15120" width="5.6640625" style="1" customWidth="1"/>
    <col min="15121" max="15121" width="3.6640625" style="1" customWidth="1"/>
    <col min="15122" max="15122" width="3.44140625" style="1" bestFit="1" customWidth="1"/>
    <col min="15123" max="15123" width="3.6640625" style="1" customWidth="1"/>
    <col min="15124" max="15124" width="3.44140625" style="1" bestFit="1" customWidth="1"/>
    <col min="15125" max="15125" width="3.6640625" style="1" customWidth="1"/>
    <col min="15126" max="15126" width="3.44140625" style="1" bestFit="1" customWidth="1"/>
    <col min="15127" max="15127" width="5.109375" style="1" customWidth="1"/>
    <col min="15128" max="15128" width="2.109375" style="1" customWidth="1"/>
    <col min="15129" max="15129" width="3.6640625" style="1" customWidth="1"/>
    <col min="15130" max="15130" width="2.88671875" style="1" customWidth="1"/>
    <col min="15131" max="15131" width="8.6640625" style="1" customWidth="1"/>
    <col min="15132" max="15132" width="2.88671875" style="1" customWidth="1"/>
    <col min="15133" max="15133" width="1.6640625" style="1" customWidth="1"/>
    <col min="15134" max="15134" width="10.33203125" style="1" customWidth="1"/>
    <col min="15135" max="15135" width="5.6640625" style="1" customWidth="1"/>
    <col min="15136" max="15136" width="2.109375" style="1" customWidth="1"/>
    <col min="15137" max="15137" width="1.88671875" style="1" customWidth="1"/>
    <col min="15138" max="15138" width="2.109375" style="1" customWidth="1"/>
    <col min="15139" max="15139" width="3.109375" style="1" customWidth="1"/>
    <col min="15140" max="15141" width="3.6640625" style="1" customWidth="1"/>
    <col min="15142" max="15142" width="5.109375" style="1" customWidth="1"/>
    <col min="15143" max="15143" width="8.88671875" style="1" customWidth="1"/>
    <col min="15144" max="15144" width="2.6640625" style="1" customWidth="1"/>
    <col min="15145" max="15147" width="2.109375" style="1" customWidth="1"/>
    <col min="15148" max="15148" width="5.6640625" style="1" customWidth="1"/>
    <col min="15149" max="15149" width="2.109375" style="1" customWidth="1"/>
    <col min="15150" max="15150" width="15.109375" style="1" customWidth="1"/>
    <col min="15151" max="15151" width="1.6640625" style="1" customWidth="1"/>
    <col min="15152" max="15152" width="3.109375" style="1" customWidth="1"/>
    <col min="15153" max="15153" width="3.6640625" style="1" customWidth="1"/>
    <col min="15154" max="15154" width="3.109375" style="1" customWidth="1"/>
    <col min="15155" max="15155" width="2.6640625" style="1" customWidth="1"/>
    <col min="15156" max="15156" width="6.6640625" style="1" customWidth="1"/>
    <col min="15157" max="15157" width="2.6640625" style="1" customWidth="1"/>
    <col min="15158" max="15367" width="9" style="1"/>
    <col min="15368" max="15368" width="11.6640625" style="1" bestFit="1" customWidth="1"/>
    <col min="15369" max="15369" width="6.44140625" style="1" bestFit="1" customWidth="1"/>
    <col min="15370" max="15370" width="2.109375" style="1" customWidth="1"/>
    <col min="15371" max="15371" width="4.6640625" style="1" customWidth="1"/>
    <col min="15372" max="15373" width="2.109375" style="1" customWidth="1"/>
    <col min="15374" max="15374" width="5.6640625" style="1" customWidth="1"/>
    <col min="15375" max="15375" width="3.6640625" style="1" customWidth="1"/>
    <col min="15376" max="15376" width="5.6640625" style="1" customWidth="1"/>
    <col min="15377" max="15377" width="3.6640625" style="1" customWidth="1"/>
    <col min="15378" max="15378" width="3.44140625" style="1" bestFit="1" customWidth="1"/>
    <col min="15379" max="15379" width="3.6640625" style="1" customWidth="1"/>
    <col min="15380" max="15380" width="3.44140625" style="1" bestFit="1" customWidth="1"/>
    <col min="15381" max="15381" width="3.6640625" style="1" customWidth="1"/>
    <col min="15382" max="15382" width="3.44140625" style="1" bestFit="1" customWidth="1"/>
    <col min="15383" max="15383" width="5.109375" style="1" customWidth="1"/>
    <col min="15384" max="15384" width="2.109375" style="1" customWidth="1"/>
    <col min="15385" max="15385" width="3.6640625" style="1" customWidth="1"/>
    <col min="15386" max="15386" width="2.88671875" style="1" customWidth="1"/>
    <col min="15387" max="15387" width="8.6640625" style="1" customWidth="1"/>
    <col min="15388" max="15388" width="2.88671875" style="1" customWidth="1"/>
    <col min="15389" max="15389" width="1.6640625" style="1" customWidth="1"/>
    <col min="15390" max="15390" width="10.33203125" style="1" customWidth="1"/>
    <col min="15391" max="15391" width="5.6640625" style="1" customWidth="1"/>
    <col min="15392" max="15392" width="2.109375" style="1" customWidth="1"/>
    <col min="15393" max="15393" width="1.88671875" style="1" customWidth="1"/>
    <col min="15394" max="15394" width="2.109375" style="1" customWidth="1"/>
    <col min="15395" max="15395" width="3.109375" style="1" customWidth="1"/>
    <col min="15396" max="15397" width="3.6640625" style="1" customWidth="1"/>
    <col min="15398" max="15398" width="5.109375" style="1" customWidth="1"/>
    <col min="15399" max="15399" width="8.88671875" style="1" customWidth="1"/>
    <col min="15400" max="15400" width="2.6640625" style="1" customWidth="1"/>
    <col min="15401" max="15403" width="2.109375" style="1" customWidth="1"/>
    <col min="15404" max="15404" width="5.6640625" style="1" customWidth="1"/>
    <col min="15405" max="15405" width="2.109375" style="1" customWidth="1"/>
    <col min="15406" max="15406" width="15.109375" style="1" customWidth="1"/>
    <col min="15407" max="15407" width="1.6640625" style="1" customWidth="1"/>
    <col min="15408" max="15408" width="3.109375" style="1" customWidth="1"/>
    <col min="15409" max="15409" width="3.6640625" style="1" customWidth="1"/>
    <col min="15410" max="15410" width="3.109375" style="1" customWidth="1"/>
    <col min="15411" max="15411" width="2.6640625" style="1" customWidth="1"/>
    <col min="15412" max="15412" width="6.6640625" style="1" customWidth="1"/>
    <col min="15413" max="15413" width="2.6640625" style="1" customWidth="1"/>
    <col min="15414" max="15623" width="9" style="1"/>
    <col min="15624" max="15624" width="11.6640625" style="1" bestFit="1" customWidth="1"/>
    <col min="15625" max="15625" width="6.44140625" style="1" bestFit="1" customWidth="1"/>
    <col min="15626" max="15626" width="2.109375" style="1" customWidth="1"/>
    <col min="15627" max="15627" width="4.6640625" style="1" customWidth="1"/>
    <col min="15628" max="15629" width="2.109375" style="1" customWidth="1"/>
    <col min="15630" max="15630" width="5.6640625" style="1" customWidth="1"/>
    <col min="15631" max="15631" width="3.6640625" style="1" customWidth="1"/>
    <col min="15632" max="15632" width="5.6640625" style="1" customWidth="1"/>
    <col min="15633" max="15633" width="3.6640625" style="1" customWidth="1"/>
    <col min="15634" max="15634" width="3.44140625" style="1" bestFit="1" customWidth="1"/>
    <col min="15635" max="15635" width="3.6640625" style="1" customWidth="1"/>
    <col min="15636" max="15636" width="3.44140625" style="1" bestFit="1" customWidth="1"/>
    <col min="15637" max="15637" width="3.6640625" style="1" customWidth="1"/>
    <col min="15638" max="15638" width="3.44140625" style="1" bestFit="1" customWidth="1"/>
    <col min="15639" max="15639" width="5.109375" style="1" customWidth="1"/>
    <col min="15640" max="15640" width="2.109375" style="1" customWidth="1"/>
    <col min="15641" max="15641" width="3.6640625" style="1" customWidth="1"/>
    <col min="15642" max="15642" width="2.88671875" style="1" customWidth="1"/>
    <col min="15643" max="15643" width="8.6640625" style="1" customWidth="1"/>
    <col min="15644" max="15644" width="2.88671875" style="1" customWidth="1"/>
    <col min="15645" max="15645" width="1.6640625" style="1" customWidth="1"/>
    <col min="15646" max="15646" width="10.33203125" style="1" customWidth="1"/>
    <col min="15647" max="15647" width="5.6640625" style="1" customWidth="1"/>
    <col min="15648" max="15648" width="2.109375" style="1" customWidth="1"/>
    <col min="15649" max="15649" width="1.88671875" style="1" customWidth="1"/>
    <col min="15650" max="15650" width="2.109375" style="1" customWidth="1"/>
    <col min="15651" max="15651" width="3.109375" style="1" customWidth="1"/>
    <col min="15652" max="15653" width="3.6640625" style="1" customWidth="1"/>
    <col min="15654" max="15654" width="5.109375" style="1" customWidth="1"/>
    <col min="15655" max="15655" width="8.88671875" style="1" customWidth="1"/>
    <col min="15656" max="15656" width="2.6640625" style="1" customWidth="1"/>
    <col min="15657" max="15659" width="2.109375" style="1" customWidth="1"/>
    <col min="15660" max="15660" width="5.6640625" style="1" customWidth="1"/>
    <col min="15661" max="15661" width="2.109375" style="1" customWidth="1"/>
    <col min="15662" max="15662" width="15.109375" style="1" customWidth="1"/>
    <col min="15663" max="15663" width="1.6640625" style="1" customWidth="1"/>
    <col min="15664" max="15664" width="3.109375" style="1" customWidth="1"/>
    <col min="15665" max="15665" width="3.6640625" style="1" customWidth="1"/>
    <col min="15666" max="15666" width="3.109375" style="1" customWidth="1"/>
    <col min="15667" max="15667" width="2.6640625" style="1" customWidth="1"/>
    <col min="15668" max="15668" width="6.6640625" style="1" customWidth="1"/>
    <col min="15669" max="15669" width="2.6640625" style="1" customWidth="1"/>
    <col min="15670" max="15879" width="9" style="1"/>
    <col min="15880" max="15880" width="11.6640625" style="1" bestFit="1" customWidth="1"/>
    <col min="15881" max="15881" width="6.44140625" style="1" bestFit="1" customWidth="1"/>
    <col min="15882" max="15882" width="2.109375" style="1" customWidth="1"/>
    <col min="15883" max="15883" width="4.6640625" style="1" customWidth="1"/>
    <col min="15884" max="15885" width="2.109375" style="1" customWidth="1"/>
    <col min="15886" max="15886" width="5.6640625" style="1" customWidth="1"/>
    <col min="15887" max="15887" width="3.6640625" style="1" customWidth="1"/>
    <col min="15888" max="15888" width="5.6640625" style="1" customWidth="1"/>
    <col min="15889" max="15889" width="3.6640625" style="1" customWidth="1"/>
    <col min="15890" max="15890" width="3.44140625" style="1" bestFit="1" customWidth="1"/>
    <col min="15891" max="15891" width="3.6640625" style="1" customWidth="1"/>
    <col min="15892" max="15892" width="3.44140625" style="1" bestFit="1" customWidth="1"/>
    <col min="15893" max="15893" width="3.6640625" style="1" customWidth="1"/>
    <col min="15894" max="15894" width="3.44140625" style="1" bestFit="1" customWidth="1"/>
    <col min="15895" max="15895" width="5.109375" style="1" customWidth="1"/>
    <col min="15896" max="15896" width="2.109375" style="1" customWidth="1"/>
    <col min="15897" max="15897" width="3.6640625" style="1" customWidth="1"/>
    <col min="15898" max="15898" width="2.88671875" style="1" customWidth="1"/>
    <col min="15899" max="15899" width="8.6640625" style="1" customWidth="1"/>
    <col min="15900" max="15900" width="2.88671875" style="1" customWidth="1"/>
    <col min="15901" max="15901" width="1.6640625" style="1" customWidth="1"/>
    <col min="15902" max="15902" width="10.33203125" style="1" customWidth="1"/>
    <col min="15903" max="15903" width="5.6640625" style="1" customWidth="1"/>
    <col min="15904" max="15904" width="2.109375" style="1" customWidth="1"/>
    <col min="15905" max="15905" width="1.88671875" style="1" customWidth="1"/>
    <col min="15906" max="15906" width="2.109375" style="1" customWidth="1"/>
    <col min="15907" max="15907" width="3.109375" style="1" customWidth="1"/>
    <col min="15908" max="15909" width="3.6640625" style="1" customWidth="1"/>
    <col min="15910" max="15910" width="5.109375" style="1" customWidth="1"/>
    <col min="15911" max="15911" width="8.88671875" style="1" customWidth="1"/>
    <col min="15912" max="15912" width="2.6640625" style="1" customWidth="1"/>
    <col min="15913" max="15915" width="2.109375" style="1" customWidth="1"/>
    <col min="15916" max="15916" width="5.6640625" style="1" customWidth="1"/>
    <col min="15917" max="15917" width="2.109375" style="1" customWidth="1"/>
    <col min="15918" max="15918" width="15.109375" style="1" customWidth="1"/>
    <col min="15919" max="15919" width="1.6640625" style="1" customWidth="1"/>
    <col min="15920" max="15920" width="3.109375" style="1" customWidth="1"/>
    <col min="15921" max="15921" width="3.6640625" style="1" customWidth="1"/>
    <col min="15922" max="15922" width="3.109375" style="1" customWidth="1"/>
    <col min="15923" max="15923" width="2.6640625" style="1" customWidth="1"/>
    <col min="15924" max="15924" width="6.6640625" style="1" customWidth="1"/>
    <col min="15925" max="15925" width="2.6640625" style="1" customWidth="1"/>
    <col min="15926" max="16135" width="9" style="1"/>
    <col min="16136" max="16136" width="11.6640625" style="1" bestFit="1" customWidth="1"/>
    <col min="16137" max="16137" width="6.44140625" style="1" bestFit="1" customWidth="1"/>
    <col min="16138" max="16138" width="2.109375" style="1" customWidth="1"/>
    <col min="16139" max="16139" width="4.6640625" style="1" customWidth="1"/>
    <col min="16140" max="16141" width="2.109375" style="1" customWidth="1"/>
    <col min="16142" max="16142" width="5.6640625" style="1" customWidth="1"/>
    <col min="16143" max="16143" width="3.6640625" style="1" customWidth="1"/>
    <col min="16144" max="16144" width="5.6640625" style="1" customWidth="1"/>
    <col min="16145" max="16145" width="3.6640625" style="1" customWidth="1"/>
    <col min="16146" max="16146" width="3.44140625" style="1" bestFit="1" customWidth="1"/>
    <col min="16147" max="16147" width="3.6640625" style="1" customWidth="1"/>
    <col min="16148" max="16148" width="3.44140625" style="1" bestFit="1" customWidth="1"/>
    <col min="16149" max="16149" width="3.6640625" style="1" customWidth="1"/>
    <col min="16150" max="16150" width="3.44140625" style="1" bestFit="1" customWidth="1"/>
    <col min="16151" max="16151" width="5.109375" style="1" customWidth="1"/>
    <col min="16152" max="16152" width="2.109375" style="1" customWidth="1"/>
    <col min="16153" max="16153" width="3.6640625" style="1" customWidth="1"/>
    <col min="16154" max="16154" width="2.88671875" style="1" customWidth="1"/>
    <col min="16155" max="16155" width="8.6640625" style="1" customWidth="1"/>
    <col min="16156" max="16156" width="2.88671875" style="1" customWidth="1"/>
    <col min="16157" max="16157" width="1.6640625" style="1" customWidth="1"/>
    <col min="16158" max="16158" width="10.33203125" style="1" customWidth="1"/>
    <col min="16159" max="16159" width="5.6640625" style="1" customWidth="1"/>
    <col min="16160" max="16160" width="2.109375" style="1" customWidth="1"/>
    <col min="16161" max="16161" width="1.88671875" style="1" customWidth="1"/>
    <col min="16162" max="16162" width="2.109375" style="1" customWidth="1"/>
    <col min="16163" max="16163" width="3.109375" style="1" customWidth="1"/>
    <col min="16164" max="16165" width="3.6640625" style="1" customWidth="1"/>
    <col min="16166" max="16166" width="5.109375" style="1" customWidth="1"/>
    <col min="16167" max="16167" width="8.88671875" style="1" customWidth="1"/>
    <col min="16168" max="16168" width="2.6640625" style="1" customWidth="1"/>
    <col min="16169" max="16171" width="2.109375" style="1" customWidth="1"/>
    <col min="16172" max="16172" width="5.6640625" style="1" customWidth="1"/>
    <col min="16173" max="16173" width="2.109375" style="1" customWidth="1"/>
    <col min="16174" max="16174" width="15.109375" style="1" customWidth="1"/>
    <col min="16175" max="16175" width="1.6640625" style="1" customWidth="1"/>
    <col min="16176" max="16176" width="3.109375" style="1" customWidth="1"/>
    <col min="16177" max="16177" width="3.6640625" style="1" customWidth="1"/>
    <col min="16178" max="16178" width="3.109375" style="1" customWidth="1"/>
    <col min="16179" max="16179" width="2.6640625" style="1" customWidth="1"/>
    <col min="16180" max="16180" width="6.6640625" style="1" customWidth="1"/>
    <col min="16181" max="16181" width="2.6640625" style="1" customWidth="1"/>
    <col min="16182" max="16384" width="9" style="1"/>
  </cols>
  <sheetData>
    <row r="1" spans="1:54" ht="26.25" customHeight="1" thickBot="1" x14ac:dyDescent="0.25">
      <c r="D1" s="2" t="s">
        <v>113</v>
      </c>
    </row>
    <row r="2" spans="1:54" ht="18" customHeight="1" x14ac:dyDescent="0.2">
      <c r="A2" s="3"/>
      <c r="B2" s="3"/>
      <c r="C2" s="3"/>
      <c r="D2" s="182" t="s">
        <v>74</v>
      </c>
      <c r="E2" s="182"/>
      <c r="F2" s="182"/>
      <c r="G2" s="182"/>
      <c r="H2" s="182"/>
      <c r="I2" s="182"/>
      <c r="J2" s="182"/>
      <c r="K2" s="182"/>
      <c r="L2" s="182"/>
      <c r="M2" s="182"/>
      <c r="N2" s="182"/>
      <c r="O2" s="4"/>
      <c r="P2" s="4"/>
      <c r="Q2" s="4"/>
      <c r="R2" s="4"/>
      <c r="S2" s="4"/>
      <c r="T2" s="4"/>
      <c r="U2" s="3"/>
      <c r="V2" s="5"/>
      <c r="W2" s="6"/>
      <c r="X2" s="6"/>
      <c r="Y2" s="6"/>
      <c r="Z2" s="3"/>
      <c r="AA2" s="3"/>
      <c r="AB2" s="176" t="s">
        <v>36</v>
      </c>
      <c r="AC2" s="177"/>
      <c r="AD2" s="177"/>
      <c r="AE2" s="177"/>
      <c r="AF2" s="177"/>
      <c r="AG2" s="177"/>
      <c r="AH2" s="178"/>
      <c r="AI2" s="174" t="s">
        <v>57</v>
      </c>
      <c r="AJ2" s="174"/>
      <c r="AK2" s="174"/>
      <c r="AL2" s="174"/>
      <c r="AM2" s="174"/>
      <c r="AN2" s="174"/>
      <c r="AO2" s="174"/>
      <c r="AP2" s="174"/>
      <c r="AQ2" s="174"/>
      <c r="AR2" s="174"/>
      <c r="AS2" s="174"/>
      <c r="AT2" s="174"/>
      <c r="AU2" s="174"/>
      <c r="AV2" s="174"/>
      <c r="AW2" s="174"/>
      <c r="AX2" s="174"/>
      <c r="AY2" s="174"/>
      <c r="AZ2" s="174"/>
      <c r="BA2" s="175"/>
      <c r="BB2" s="3"/>
    </row>
    <row r="3" spans="1:54" ht="18" customHeight="1" thickBot="1" x14ac:dyDescent="0.25">
      <c r="A3" s="3"/>
      <c r="B3" s="3"/>
      <c r="C3" s="3"/>
      <c r="D3" s="182"/>
      <c r="E3" s="182"/>
      <c r="F3" s="182"/>
      <c r="G3" s="182"/>
      <c r="H3" s="182"/>
      <c r="I3" s="182"/>
      <c r="J3" s="182"/>
      <c r="K3" s="182"/>
      <c r="L3" s="182"/>
      <c r="M3" s="182"/>
      <c r="N3" s="182"/>
      <c r="O3" s="181" t="s">
        <v>151</v>
      </c>
      <c r="P3" s="181"/>
      <c r="Q3" s="181"/>
      <c r="R3" s="181"/>
      <c r="S3" s="181"/>
      <c r="T3" s="181"/>
      <c r="U3" s="3"/>
      <c r="V3" s="179" t="s">
        <v>3</v>
      </c>
      <c r="W3" s="180"/>
      <c r="X3" s="180"/>
      <c r="Y3" s="7"/>
      <c r="Z3" s="3"/>
      <c r="AA3" s="3"/>
      <c r="AB3" s="139" t="s">
        <v>70</v>
      </c>
      <c r="AC3" s="140"/>
      <c r="AD3" s="140"/>
      <c r="AE3" s="140"/>
      <c r="AF3" s="140"/>
      <c r="AG3" s="140"/>
      <c r="AH3" s="141"/>
      <c r="AI3" s="386" t="s">
        <v>146</v>
      </c>
      <c r="AJ3" s="386"/>
      <c r="AK3" s="386"/>
      <c r="AL3" s="386"/>
      <c r="AM3" s="386"/>
      <c r="AN3" s="386"/>
      <c r="AO3" s="386"/>
      <c r="AP3" s="386"/>
      <c r="AQ3" s="386"/>
      <c r="AR3" s="386"/>
      <c r="AS3" s="386"/>
      <c r="AT3" s="386"/>
      <c r="AU3" s="386"/>
      <c r="AV3" s="386"/>
      <c r="AW3" s="386"/>
      <c r="AX3" s="386"/>
      <c r="AY3" s="386"/>
      <c r="AZ3" s="386"/>
      <c r="BA3" s="387"/>
      <c r="BB3" s="3"/>
    </row>
    <row r="4" spans="1:54" ht="18.75" customHeight="1" thickBot="1" x14ac:dyDescent="0.25">
      <c r="A4" s="3"/>
      <c r="B4" s="274" t="s">
        <v>80</v>
      </c>
      <c r="C4" s="275"/>
      <c r="D4" s="275"/>
      <c r="E4" s="388" t="s">
        <v>149</v>
      </c>
      <c r="F4" s="388"/>
      <c r="G4" s="388"/>
      <c r="H4" s="388"/>
      <c r="I4" s="388"/>
      <c r="J4" s="388"/>
      <c r="K4" s="388"/>
      <c r="L4" s="388"/>
      <c r="M4" s="388"/>
      <c r="N4" s="388"/>
      <c r="O4" s="388"/>
      <c r="P4" s="388"/>
      <c r="Q4" s="388"/>
      <c r="R4" s="388"/>
      <c r="S4" s="388"/>
      <c r="T4" s="389"/>
      <c r="U4" s="3"/>
      <c r="V4" s="8" t="s">
        <v>24</v>
      </c>
      <c r="W4" s="9"/>
      <c r="X4" s="9"/>
      <c r="Y4" s="10"/>
      <c r="Z4" s="3"/>
      <c r="AA4" s="3"/>
      <c r="AB4" s="390">
        <v>59</v>
      </c>
      <c r="AC4" s="349"/>
      <c r="AD4" s="171" t="s">
        <v>0</v>
      </c>
      <c r="AE4" s="171"/>
      <c r="AF4" s="349">
        <v>3</v>
      </c>
      <c r="AG4" s="349"/>
      <c r="AH4" s="88" t="s">
        <v>37</v>
      </c>
      <c r="AI4" s="386"/>
      <c r="AJ4" s="386"/>
      <c r="AK4" s="386"/>
      <c r="AL4" s="386"/>
      <c r="AM4" s="386"/>
      <c r="AN4" s="386"/>
      <c r="AO4" s="386"/>
      <c r="AP4" s="386"/>
      <c r="AQ4" s="386"/>
      <c r="AR4" s="386"/>
      <c r="AS4" s="386"/>
      <c r="AT4" s="386"/>
      <c r="AU4" s="386"/>
      <c r="AV4" s="386"/>
      <c r="AW4" s="386"/>
      <c r="AX4" s="386"/>
      <c r="AY4" s="386"/>
      <c r="AZ4" s="386"/>
      <c r="BA4" s="387"/>
      <c r="BB4" s="3"/>
    </row>
    <row r="5" spans="1:54" ht="18.75" customHeight="1" x14ac:dyDescent="0.2">
      <c r="A5" s="3"/>
      <c r="B5" s="272" t="s">
        <v>79</v>
      </c>
      <c r="C5" s="273"/>
      <c r="D5" s="273"/>
      <c r="E5" s="384" t="s">
        <v>116</v>
      </c>
      <c r="F5" s="384"/>
      <c r="G5" s="384"/>
      <c r="H5" s="384"/>
      <c r="I5" s="384"/>
      <c r="J5" s="384"/>
      <c r="K5" s="384"/>
      <c r="L5" s="384"/>
      <c r="M5" s="384"/>
      <c r="N5" s="384"/>
      <c r="O5" s="384"/>
      <c r="P5" s="384"/>
      <c r="Q5" s="385"/>
      <c r="R5" s="183" t="s">
        <v>90</v>
      </c>
      <c r="S5" s="184"/>
      <c r="T5" s="185"/>
      <c r="U5" s="3"/>
      <c r="V5" s="11"/>
      <c r="W5" s="12"/>
      <c r="X5" s="12" t="s">
        <v>9</v>
      </c>
      <c r="Y5" s="13"/>
      <c r="Z5" s="3"/>
      <c r="AA5" s="3"/>
      <c r="AB5" s="139" t="s">
        <v>70</v>
      </c>
      <c r="AC5" s="140"/>
      <c r="AD5" s="140"/>
      <c r="AE5" s="140"/>
      <c r="AF5" s="140"/>
      <c r="AG5" s="140"/>
      <c r="AH5" s="141"/>
      <c r="AI5" s="386" t="s">
        <v>138</v>
      </c>
      <c r="AJ5" s="386"/>
      <c r="AK5" s="386"/>
      <c r="AL5" s="386"/>
      <c r="AM5" s="386"/>
      <c r="AN5" s="386"/>
      <c r="AO5" s="386"/>
      <c r="AP5" s="386"/>
      <c r="AQ5" s="386"/>
      <c r="AR5" s="386"/>
      <c r="AS5" s="386"/>
      <c r="AT5" s="386"/>
      <c r="AU5" s="386"/>
      <c r="AV5" s="386"/>
      <c r="AW5" s="386"/>
      <c r="AX5" s="386"/>
      <c r="AY5" s="386"/>
      <c r="AZ5" s="386"/>
      <c r="BA5" s="387"/>
      <c r="BB5" s="3"/>
    </row>
    <row r="6" spans="1:54" ht="18.75" customHeight="1" x14ac:dyDescent="0.2">
      <c r="A6" s="3"/>
      <c r="B6" s="261" t="s">
        <v>2</v>
      </c>
      <c r="C6" s="262"/>
      <c r="D6" s="262"/>
      <c r="E6" s="391" t="s">
        <v>115</v>
      </c>
      <c r="F6" s="391"/>
      <c r="G6" s="391"/>
      <c r="H6" s="391"/>
      <c r="I6" s="391"/>
      <c r="J6" s="391"/>
      <c r="K6" s="391"/>
      <c r="L6" s="391"/>
      <c r="M6" s="391"/>
      <c r="N6" s="391"/>
      <c r="O6" s="391"/>
      <c r="P6" s="391"/>
      <c r="Q6" s="392"/>
      <c r="R6" s="395" t="s">
        <v>114</v>
      </c>
      <c r="S6" s="396"/>
      <c r="T6" s="397"/>
      <c r="U6" s="3"/>
      <c r="V6" s="8" t="s">
        <v>25</v>
      </c>
      <c r="W6" s="9"/>
      <c r="X6" s="9"/>
      <c r="Y6" s="10"/>
      <c r="Z6" s="3"/>
      <c r="AA6" s="3"/>
      <c r="AB6" s="390">
        <v>60</v>
      </c>
      <c r="AC6" s="349"/>
      <c r="AD6" s="171" t="s">
        <v>0</v>
      </c>
      <c r="AE6" s="171"/>
      <c r="AF6" s="349">
        <v>3</v>
      </c>
      <c r="AG6" s="349"/>
      <c r="AH6" s="88" t="s">
        <v>37</v>
      </c>
      <c r="AI6" s="386"/>
      <c r="AJ6" s="386"/>
      <c r="AK6" s="386"/>
      <c r="AL6" s="386"/>
      <c r="AM6" s="386"/>
      <c r="AN6" s="386"/>
      <c r="AO6" s="386"/>
      <c r="AP6" s="386"/>
      <c r="AQ6" s="386"/>
      <c r="AR6" s="386"/>
      <c r="AS6" s="386"/>
      <c r="AT6" s="386"/>
      <c r="AU6" s="386"/>
      <c r="AV6" s="386"/>
      <c r="AW6" s="386"/>
      <c r="AX6" s="386"/>
      <c r="AY6" s="386"/>
      <c r="AZ6" s="386"/>
      <c r="BA6" s="387"/>
      <c r="BB6" s="3"/>
    </row>
    <row r="7" spans="1:54" ht="18.75" customHeight="1" x14ac:dyDescent="0.2">
      <c r="A7" s="3"/>
      <c r="B7" s="276"/>
      <c r="C7" s="235"/>
      <c r="D7" s="235"/>
      <c r="E7" s="393"/>
      <c r="F7" s="393"/>
      <c r="G7" s="393"/>
      <c r="H7" s="393"/>
      <c r="I7" s="393"/>
      <c r="J7" s="393"/>
      <c r="K7" s="393"/>
      <c r="L7" s="393"/>
      <c r="M7" s="393"/>
      <c r="N7" s="393"/>
      <c r="O7" s="393"/>
      <c r="P7" s="393"/>
      <c r="Q7" s="394"/>
      <c r="R7" s="398"/>
      <c r="S7" s="399"/>
      <c r="T7" s="400"/>
      <c r="U7" s="3"/>
      <c r="V7" s="8" t="s">
        <v>26</v>
      </c>
      <c r="W7" s="9"/>
      <c r="X7" s="9"/>
      <c r="Y7" s="10"/>
      <c r="Z7" s="3"/>
      <c r="AA7" s="3"/>
      <c r="AB7" s="139" t="s">
        <v>70</v>
      </c>
      <c r="AC7" s="140"/>
      <c r="AD7" s="140"/>
      <c r="AE7" s="140"/>
      <c r="AF7" s="140"/>
      <c r="AG7" s="140"/>
      <c r="AH7" s="141"/>
      <c r="AI7" s="142"/>
      <c r="AJ7" s="142"/>
      <c r="AK7" s="142"/>
      <c r="AL7" s="142"/>
      <c r="AM7" s="142"/>
      <c r="AN7" s="142"/>
      <c r="AO7" s="142"/>
      <c r="AP7" s="142"/>
      <c r="AQ7" s="142"/>
      <c r="AR7" s="142"/>
      <c r="AS7" s="142"/>
      <c r="AT7" s="142"/>
      <c r="AU7" s="142"/>
      <c r="AV7" s="142"/>
      <c r="AW7" s="142"/>
      <c r="AX7" s="142"/>
      <c r="AY7" s="142"/>
      <c r="AZ7" s="142"/>
      <c r="BA7" s="143"/>
      <c r="BB7" s="3"/>
    </row>
    <row r="8" spans="1:54" ht="18.75" customHeight="1" thickBot="1" x14ac:dyDescent="0.25">
      <c r="A8" s="3"/>
      <c r="B8" s="276"/>
      <c r="C8" s="235"/>
      <c r="D8" s="235"/>
      <c r="E8" s="102" t="s">
        <v>47</v>
      </c>
      <c r="F8" s="104"/>
      <c r="G8" s="104"/>
      <c r="H8" s="104"/>
      <c r="I8" s="104"/>
      <c r="J8" s="104"/>
      <c r="K8" s="104"/>
      <c r="L8" s="104"/>
      <c r="M8" s="104"/>
      <c r="N8" s="104"/>
      <c r="O8" s="104"/>
      <c r="P8" s="104"/>
      <c r="Q8" s="105"/>
      <c r="R8" s="398"/>
      <c r="S8" s="399"/>
      <c r="T8" s="400"/>
      <c r="U8" s="3"/>
      <c r="V8" s="8" t="s">
        <v>6</v>
      </c>
      <c r="W8" s="9"/>
      <c r="X8" s="9"/>
      <c r="Y8" s="10"/>
      <c r="Z8" s="3"/>
      <c r="AA8" s="3"/>
      <c r="AB8" s="170"/>
      <c r="AC8" s="171"/>
      <c r="AD8" s="171" t="s">
        <v>0</v>
      </c>
      <c r="AE8" s="171"/>
      <c r="AF8" s="171"/>
      <c r="AG8" s="171"/>
      <c r="AH8" s="88" t="s">
        <v>37</v>
      </c>
      <c r="AI8" s="142"/>
      <c r="AJ8" s="142"/>
      <c r="AK8" s="142"/>
      <c r="AL8" s="142"/>
      <c r="AM8" s="142"/>
      <c r="AN8" s="142"/>
      <c r="AO8" s="142"/>
      <c r="AP8" s="142"/>
      <c r="AQ8" s="142"/>
      <c r="AR8" s="142"/>
      <c r="AS8" s="142"/>
      <c r="AT8" s="142"/>
      <c r="AU8" s="142"/>
      <c r="AV8" s="142"/>
      <c r="AW8" s="142"/>
      <c r="AX8" s="142"/>
      <c r="AY8" s="142"/>
      <c r="AZ8" s="142"/>
      <c r="BA8" s="143"/>
      <c r="BB8" s="3"/>
    </row>
    <row r="9" spans="1:54" ht="18.75" customHeight="1" x14ac:dyDescent="0.2">
      <c r="A9" s="3"/>
      <c r="B9" s="144" t="s">
        <v>92</v>
      </c>
      <c r="C9" s="145"/>
      <c r="D9" s="145"/>
      <c r="E9" s="190" t="s">
        <v>86</v>
      </c>
      <c r="F9" s="17"/>
      <c r="G9" s="17"/>
      <c r="H9" s="17"/>
      <c r="I9" s="17"/>
      <c r="J9" s="17"/>
      <c r="K9" s="17"/>
      <c r="L9" s="17"/>
      <c r="M9" s="17"/>
      <c r="N9" s="17"/>
      <c r="O9" s="17"/>
      <c r="P9" s="17"/>
      <c r="Q9" s="17"/>
      <c r="R9" s="17"/>
      <c r="S9" s="17"/>
      <c r="T9" s="18"/>
      <c r="U9" s="3"/>
      <c r="V9" s="19"/>
      <c r="W9" s="20"/>
      <c r="X9" s="20"/>
      <c r="Y9" s="21"/>
      <c r="Z9" s="3"/>
      <c r="AA9" s="3"/>
      <c r="AB9" s="139" t="s">
        <v>70</v>
      </c>
      <c r="AC9" s="140"/>
      <c r="AD9" s="140"/>
      <c r="AE9" s="140"/>
      <c r="AF9" s="140"/>
      <c r="AG9" s="140"/>
      <c r="AH9" s="141"/>
      <c r="AI9" s="142"/>
      <c r="AJ9" s="142"/>
      <c r="AK9" s="142"/>
      <c r="AL9" s="142"/>
      <c r="AM9" s="142"/>
      <c r="AN9" s="142"/>
      <c r="AO9" s="142"/>
      <c r="AP9" s="142"/>
      <c r="AQ9" s="142"/>
      <c r="AR9" s="142"/>
      <c r="AS9" s="142"/>
      <c r="AT9" s="142"/>
      <c r="AU9" s="142"/>
      <c r="AV9" s="142"/>
      <c r="AW9" s="142"/>
      <c r="AX9" s="142"/>
      <c r="AY9" s="142"/>
      <c r="AZ9" s="142"/>
      <c r="BA9" s="143"/>
      <c r="BB9" s="3"/>
    </row>
    <row r="10" spans="1:54" ht="18.75" customHeight="1" thickBot="1" x14ac:dyDescent="0.25">
      <c r="A10" s="3"/>
      <c r="B10" s="277"/>
      <c r="C10" s="258"/>
      <c r="D10" s="258"/>
      <c r="E10" s="191"/>
      <c r="F10" s="91"/>
      <c r="G10" s="110" t="s">
        <v>118</v>
      </c>
      <c r="H10" s="91" t="s">
        <v>0</v>
      </c>
      <c r="I10" s="91"/>
      <c r="J10" s="110" t="s">
        <v>118</v>
      </c>
      <c r="K10" s="91" t="s">
        <v>1</v>
      </c>
      <c r="L10" s="110" t="s">
        <v>118</v>
      </c>
      <c r="M10" s="33" t="s">
        <v>83</v>
      </c>
      <c r="N10" s="33"/>
      <c r="O10" s="221" t="s">
        <v>4</v>
      </c>
      <c r="P10" s="221"/>
      <c r="Q10" s="362" t="s">
        <v>119</v>
      </c>
      <c r="R10" s="362"/>
      <c r="S10" s="362"/>
      <c r="T10" s="106" t="s">
        <v>5</v>
      </c>
      <c r="U10" s="3"/>
      <c r="V10" s="192"/>
      <c r="W10" s="192"/>
      <c r="X10" s="192"/>
      <c r="Y10" s="192"/>
      <c r="Z10" s="3"/>
      <c r="AA10" s="3"/>
      <c r="AB10" s="170"/>
      <c r="AC10" s="171"/>
      <c r="AD10" s="171" t="s">
        <v>0</v>
      </c>
      <c r="AE10" s="171"/>
      <c r="AF10" s="171"/>
      <c r="AG10" s="171"/>
      <c r="AH10" s="88" t="s">
        <v>37</v>
      </c>
      <c r="AI10" s="142"/>
      <c r="AJ10" s="142"/>
      <c r="AK10" s="142"/>
      <c r="AL10" s="142"/>
      <c r="AM10" s="142"/>
      <c r="AN10" s="142"/>
      <c r="AO10" s="142"/>
      <c r="AP10" s="142"/>
      <c r="AQ10" s="142"/>
      <c r="AR10" s="142"/>
      <c r="AS10" s="142"/>
      <c r="AT10" s="142"/>
      <c r="AU10" s="142"/>
      <c r="AV10" s="142"/>
      <c r="AW10" s="142"/>
      <c r="AX10" s="142"/>
      <c r="AY10" s="142"/>
      <c r="AZ10" s="142"/>
      <c r="BA10" s="143"/>
      <c r="BB10" s="3"/>
    </row>
    <row r="11" spans="1:54" ht="18.75" customHeight="1" x14ac:dyDescent="0.2">
      <c r="A11" s="3"/>
      <c r="B11" s="272" t="s">
        <v>79</v>
      </c>
      <c r="C11" s="273"/>
      <c r="D11" s="273"/>
      <c r="E11" s="381" t="s">
        <v>120</v>
      </c>
      <c r="F11" s="381"/>
      <c r="G11" s="381"/>
      <c r="H11" s="381"/>
      <c r="I11" s="381"/>
      <c r="J11" s="381"/>
      <c r="K11" s="381"/>
      <c r="L11" s="381"/>
      <c r="M11" s="381"/>
      <c r="N11" s="381"/>
      <c r="O11" s="381"/>
      <c r="P11" s="381"/>
      <c r="Q11" s="381"/>
      <c r="R11" s="381"/>
      <c r="S11" s="381"/>
      <c r="T11" s="382"/>
      <c r="U11" s="23" t="s">
        <v>7</v>
      </c>
      <c r="V11" s="22"/>
      <c r="W11" s="24" t="s">
        <v>16</v>
      </c>
      <c r="X11" s="111" t="s">
        <v>122</v>
      </c>
      <c r="Y11" s="24" t="s">
        <v>17</v>
      </c>
      <c r="Z11" s="25"/>
      <c r="AA11" s="3"/>
      <c r="AB11" s="139" t="s">
        <v>70</v>
      </c>
      <c r="AC11" s="140"/>
      <c r="AD11" s="140"/>
      <c r="AE11" s="140"/>
      <c r="AF11" s="140"/>
      <c r="AG11" s="140"/>
      <c r="AH11" s="141"/>
      <c r="AI11" s="142"/>
      <c r="AJ11" s="142"/>
      <c r="AK11" s="142"/>
      <c r="AL11" s="142"/>
      <c r="AM11" s="142"/>
      <c r="AN11" s="142"/>
      <c r="AO11" s="142"/>
      <c r="AP11" s="142"/>
      <c r="AQ11" s="142"/>
      <c r="AR11" s="142"/>
      <c r="AS11" s="142"/>
      <c r="AT11" s="142"/>
      <c r="AU11" s="142"/>
      <c r="AV11" s="142"/>
      <c r="AW11" s="142"/>
      <c r="AX11" s="142"/>
      <c r="AY11" s="142"/>
      <c r="AZ11" s="142"/>
      <c r="BA11" s="143"/>
      <c r="BB11" s="3"/>
    </row>
    <row r="12" spans="1:54" ht="18.75" customHeight="1" thickBot="1" x14ac:dyDescent="0.25">
      <c r="A12" s="3"/>
      <c r="B12" s="261" t="s">
        <v>8</v>
      </c>
      <c r="C12" s="262"/>
      <c r="D12" s="262"/>
      <c r="E12" s="16" t="s">
        <v>18</v>
      </c>
      <c r="F12" s="16" t="s">
        <v>16</v>
      </c>
      <c r="G12" s="383">
        <v>385</v>
      </c>
      <c r="H12" s="383"/>
      <c r="I12" s="16" t="s">
        <v>20</v>
      </c>
      <c r="J12" s="383">
        <v>8501</v>
      </c>
      <c r="K12" s="383"/>
      <c r="L12" s="93"/>
      <c r="M12" s="26" t="s">
        <v>17</v>
      </c>
      <c r="N12" s="93"/>
      <c r="O12" s="93"/>
      <c r="P12" s="93"/>
      <c r="Q12" s="93"/>
      <c r="R12" s="93"/>
      <c r="S12" s="93"/>
      <c r="T12" s="15"/>
      <c r="U12" s="27"/>
      <c r="V12" s="27"/>
      <c r="W12" s="3"/>
      <c r="X12" s="27"/>
      <c r="Y12" s="27"/>
      <c r="Z12" s="28"/>
      <c r="AA12" s="3"/>
      <c r="AB12" s="170"/>
      <c r="AC12" s="171"/>
      <c r="AD12" s="171" t="s">
        <v>0</v>
      </c>
      <c r="AE12" s="171"/>
      <c r="AF12" s="171"/>
      <c r="AG12" s="171"/>
      <c r="AH12" s="88" t="s">
        <v>37</v>
      </c>
      <c r="AI12" s="142"/>
      <c r="AJ12" s="142"/>
      <c r="AK12" s="142"/>
      <c r="AL12" s="142"/>
      <c r="AM12" s="142"/>
      <c r="AN12" s="142"/>
      <c r="AO12" s="142"/>
      <c r="AP12" s="142"/>
      <c r="AQ12" s="142"/>
      <c r="AR12" s="142"/>
      <c r="AS12" s="142"/>
      <c r="AT12" s="142"/>
      <c r="AU12" s="142"/>
      <c r="AV12" s="142"/>
      <c r="AW12" s="142"/>
      <c r="AX12" s="142"/>
      <c r="AY12" s="142"/>
      <c r="AZ12" s="142"/>
      <c r="BA12" s="143"/>
      <c r="BB12" s="3"/>
    </row>
    <row r="13" spans="1:54" ht="18.75" customHeight="1" x14ac:dyDescent="0.2">
      <c r="A13" s="3"/>
      <c r="B13" s="276"/>
      <c r="C13" s="235"/>
      <c r="D13" s="235"/>
      <c r="E13" s="368" t="s">
        <v>121</v>
      </c>
      <c r="F13" s="368"/>
      <c r="G13" s="368"/>
      <c r="H13" s="368"/>
      <c r="I13" s="368"/>
      <c r="J13" s="368"/>
      <c r="K13" s="368"/>
      <c r="L13" s="368"/>
      <c r="M13" s="368"/>
      <c r="N13" s="368"/>
      <c r="O13" s="368"/>
      <c r="P13" s="368"/>
      <c r="Q13" s="368"/>
      <c r="R13" s="368"/>
      <c r="S13" s="368"/>
      <c r="T13" s="369"/>
      <c r="U13" s="372" t="s">
        <v>123</v>
      </c>
      <c r="V13" s="372"/>
      <c r="W13" s="3" t="s">
        <v>20</v>
      </c>
      <c r="X13" s="372" t="s">
        <v>124</v>
      </c>
      <c r="Y13" s="372"/>
      <c r="Z13" s="373"/>
      <c r="AA13" s="3"/>
      <c r="AB13" s="144" t="s">
        <v>84</v>
      </c>
      <c r="AC13" s="145"/>
      <c r="AD13" s="145"/>
      <c r="AE13" s="145"/>
      <c r="AF13" s="145"/>
      <c r="AG13" s="145"/>
      <c r="AH13" s="145"/>
      <c r="AI13" s="145"/>
      <c r="AJ13" s="145"/>
      <c r="AK13" s="145"/>
      <c r="AL13" s="145"/>
      <c r="AM13" s="145"/>
      <c r="AN13" s="145"/>
      <c r="AO13" s="145"/>
      <c r="AP13" s="145"/>
      <c r="AQ13" s="145"/>
      <c r="AR13" s="145"/>
      <c r="AS13" s="145"/>
      <c r="AT13" s="145"/>
      <c r="AU13" s="145"/>
      <c r="AV13" s="145"/>
      <c r="AW13" s="145"/>
      <c r="AX13" s="145"/>
      <c r="AY13" s="145"/>
      <c r="AZ13" s="145"/>
      <c r="BA13" s="146"/>
      <c r="BB13" s="3"/>
    </row>
    <row r="14" spans="1:54" ht="18.75" customHeight="1" thickBot="1" x14ac:dyDescent="0.25">
      <c r="A14" s="3"/>
      <c r="B14" s="277"/>
      <c r="C14" s="258"/>
      <c r="D14" s="258"/>
      <c r="E14" s="370"/>
      <c r="F14" s="370"/>
      <c r="G14" s="370"/>
      <c r="H14" s="370"/>
      <c r="I14" s="370"/>
      <c r="J14" s="370"/>
      <c r="K14" s="370"/>
      <c r="L14" s="370"/>
      <c r="M14" s="370"/>
      <c r="N14" s="370"/>
      <c r="O14" s="370"/>
      <c r="P14" s="370"/>
      <c r="Q14" s="370"/>
      <c r="R14" s="370"/>
      <c r="S14" s="370"/>
      <c r="T14" s="371"/>
      <c r="U14" s="32"/>
      <c r="V14" s="32"/>
      <c r="W14" s="33"/>
      <c r="X14" s="95"/>
      <c r="Y14" s="95"/>
      <c r="Z14" s="96"/>
      <c r="AA14" s="3"/>
      <c r="AB14" s="374" t="s">
        <v>147</v>
      </c>
      <c r="AC14" s="375"/>
      <c r="AD14" s="375"/>
      <c r="AE14" s="375"/>
      <c r="AF14" s="375"/>
      <c r="AG14" s="375"/>
      <c r="AH14" s="375"/>
      <c r="AI14" s="375"/>
      <c r="AJ14" s="375"/>
      <c r="AK14" s="375"/>
      <c r="AL14" s="375"/>
      <c r="AM14" s="375"/>
      <c r="AN14" s="375"/>
      <c r="AO14" s="375"/>
      <c r="AP14" s="375"/>
      <c r="AQ14" s="375"/>
      <c r="AR14" s="375"/>
      <c r="AS14" s="375"/>
      <c r="AT14" s="375"/>
      <c r="AU14" s="375"/>
      <c r="AV14" s="375"/>
      <c r="AW14" s="375"/>
      <c r="AX14" s="375"/>
      <c r="AY14" s="375"/>
      <c r="AZ14" s="375"/>
      <c r="BA14" s="376"/>
      <c r="BB14" s="3"/>
    </row>
    <row r="15" spans="1:54" ht="18.75" customHeight="1" x14ac:dyDescent="0.2">
      <c r="A15" s="3"/>
      <c r="B15" s="157" t="s">
        <v>27</v>
      </c>
      <c r="C15" s="158"/>
      <c r="D15" s="158"/>
      <c r="E15" s="158"/>
      <c r="F15" s="260"/>
      <c r="G15" s="216" t="s">
        <v>28</v>
      </c>
      <c r="H15" s="177"/>
      <c r="I15" s="177"/>
      <c r="J15" s="177"/>
      <c r="K15" s="177"/>
      <c r="L15" s="177"/>
      <c r="M15" s="177"/>
      <c r="N15" s="177"/>
      <c r="O15" s="177"/>
      <c r="P15" s="177"/>
      <c r="Q15" s="177"/>
      <c r="R15" s="177"/>
      <c r="S15" s="177"/>
      <c r="T15" s="177"/>
      <c r="U15" s="177"/>
      <c r="V15" s="177"/>
      <c r="W15" s="177"/>
      <c r="X15" s="177"/>
      <c r="Y15" s="177"/>
      <c r="Z15" s="217"/>
      <c r="AA15" s="3"/>
      <c r="AB15" s="377"/>
      <c r="AC15" s="375"/>
      <c r="AD15" s="375"/>
      <c r="AE15" s="375"/>
      <c r="AF15" s="375"/>
      <c r="AG15" s="375"/>
      <c r="AH15" s="375"/>
      <c r="AI15" s="375"/>
      <c r="AJ15" s="375"/>
      <c r="AK15" s="375"/>
      <c r="AL15" s="375"/>
      <c r="AM15" s="375"/>
      <c r="AN15" s="375"/>
      <c r="AO15" s="375"/>
      <c r="AP15" s="375"/>
      <c r="AQ15" s="375"/>
      <c r="AR15" s="375"/>
      <c r="AS15" s="375"/>
      <c r="AT15" s="375"/>
      <c r="AU15" s="375"/>
      <c r="AV15" s="375"/>
      <c r="AW15" s="375"/>
      <c r="AX15" s="375"/>
      <c r="AY15" s="375"/>
      <c r="AZ15" s="375"/>
      <c r="BA15" s="376"/>
      <c r="BB15" s="3"/>
    </row>
    <row r="16" spans="1:54" ht="18.75" customHeight="1" x14ac:dyDescent="0.2">
      <c r="A16" s="3"/>
      <c r="B16" s="295" t="s">
        <v>85</v>
      </c>
      <c r="C16" s="296"/>
      <c r="D16" s="296"/>
      <c r="E16" s="35"/>
      <c r="F16" s="36"/>
      <c r="G16" s="363" t="s">
        <v>125</v>
      </c>
      <c r="H16" s="364"/>
      <c r="I16" s="364"/>
      <c r="J16" s="364"/>
      <c r="K16" s="364"/>
      <c r="L16" s="364"/>
      <c r="M16" s="364"/>
      <c r="N16" s="364"/>
      <c r="O16" s="364"/>
      <c r="P16" s="364"/>
      <c r="Q16" s="364"/>
      <c r="R16" s="364"/>
      <c r="S16" s="210" t="s">
        <v>29</v>
      </c>
      <c r="T16" s="210"/>
      <c r="U16" s="210"/>
      <c r="V16" s="210"/>
      <c r="W16" s="210"/>
      <c r="X16" s="210"/>
      <c r="Y16" s="210"/>
      <c r="Z16" s="211"/>
      <c r="AA16" s="3"/>
      <c r="AB16" s="377"/>
      <c r="AC16" s="375"/>
      <c r="AD16" s="375"/>
      <c r="AE16" s="375"/>
      <c r="AF16" s="375"/>
      <c r="AG16" s="375"/>
      <c r="AH16" s="375"/>
      <c r="AI16" s="375"/>
      <c r="AJ16" s="375"/>
      <c r="AK16" s="375"/>
      <c r="AL16" s="375"/>
      <c r="AM16" s="375"/>
      <c r="AN16" s="375"/>
      <c r="AO16" s="375"/>
      <c r="AP16" s="375"/>
      <c r="AQ16" s="375"/>
      <c r="AR16" s="375"/>
      <c r="AS16" s="375"/>
      <c r="AT16" s="375"/>
      <c r="AU16" s="375"/>
      <c r="AV16" s="375"/>
      <c r="AW16" s="375"/>
      <c r="AX16" s="375"/>
      <c r="AY16" s="375"/>
      <c r="AZ16" s="375"/>
      <c r="BA16" s="376"/>
      <c r="BB16" s="3"/>
    </row>
    <row r="17" spans="1:54" ht="18.75" customHeight="1" thickBot="1" x14ac:dyDescent="0.25">
      <c r="A17" s="3"/>
      <c r="B17" s="367">
        <v>60</v>
      </c>
      <c r="C17" s="362"/>
      <c r="D17" s="91" t="s">
        <v>0</v>
      </c>
      <c r="E17" s="110">
        <v>3</v>
      </c>
      <c r="F17" s="92" t="s">
        <v>1</v>
      </c>
      <c r="G17" s="365"/>
      <c r="H17" s="366"/>
      <c r="I17" s="366"/>
      <c r="J17" s="366"/>
      <c r="K17" s="366"/>
      <c r="L17" s="366"/>
      <c r="M17" s="366"/>
      <c r="N17" s="366"/>
      <c r="O17" s="366"/>
      <c r="P17" s="366"/>
      <c r="Q17" s="366"/>
      <c r="R17" s="366"/>
      <c r="S17" s="212"/>
      <c r="T17" s="212"/>
      <c r="U17" s="212"/>
      <c r="V17" s="212"/>
      <c r="W17" s="212"/>
      <c r="X17" s="212"/>
      <c r="Y17" s="212"/>
      <c r="Z17" s="213"/>
      <c r="AA17" s="3"/>
      <c r="AB17" s="378"/>
      <c r="AC17" s="379"/>
      <c r="AD17" s="379"/>
      <c r="AE17" s="379"/>
      <c r="AF17" s="379"/>
      <c r="AG17" s="379"/>
      <c r="AH17" s="379"/>
      <c r="AI17" s="379"/>
      <c r="AJ17" s="379"/>
      <c r="AK17" s="379"/>
      <c r="AL17" s="379"/>
      <c r="AM17" s="379"/>
      <c r="AN17" s="379"/>
      <c r="AO17" s="379"/>
      <c r="AP17" s="379"/>
      <c r="AQ17" s="379"/>
      <c r="AR17" s="379"/>
      <c r="AS17" s="379"/>
      <c r="AT17" s="379"/>
      <c r="AU17" s="379"/>
      <c r="AV17" s="379"/>
      <c r="AW17" s="379"/>
      <c r="AX17" s="379"/>
      <c r="AY17" s="379"/>
      <c r="AZ17" s="379"/>
      <c r="BA17" s="380"/>
      <c r="BB17" s="3"/>
    </row>
    <row r="18" spans="1:54" ht="18.75" customHeight="1" thickBot="1" x14ac:dyDescent="0.25">
      <c r="A18" s="3"/>
      <c r="B18" s="298" t="s">
        <v>30</v>
      </c>
      <c r="C18" s="299"/>
      <c r="D18" s="299"/>
      <c r="E18" s="299"/>
      <c r="F18" s="300"/>
      <c r="G18" s="330" t="s">
        <v>141</v>
      </c>
      <c r="H18" s="331"/>
      <c r="I18" s="265" t="s">
        <v>98</v>
      </c>
      <c r="J18" s="265"/>
      <c r="K18" s="265"/>
      <c r="L18" s="265"/>
      <c r="M18" s="265"/>
      <c r="N18" s="265"/>
      <c r="O18" s="265"/>
      <c r="P18" s="265"/>
      <c r="Q18" s="265"/>
      <c r="R18" s="265"/>
      <c r="S18" s="266"/>
      <c r="T18" s="233" t="s">
        <v>99</v>
      </c>
      <c r="U18" s="234"/>
      <c r="V18" s="265" t="s">
        <v>100</v>
      </c>
      <c r="W18" s="265"/>
      <c r="X18" s="265"/>
      <c r="Y18" s="265"/>
      <c r="Z18" s="267"/>
      <c r="AA18" s="3"/>
      <c r="AB18" s="41" t="s">
        <v>93</v>
      </c>
      <c r="AC18" s="42"/>
      <c r="AD18" s="42"/>
      <c r="AE18" s="42"/>
      <c r="AF18" s="42"/>
      <c r="AG18" s="42"/>
      <c r="AH18" s="42"/>
      <c r="AI18" s="42"/>
      <c r="AJ18" s="42"/>
      <c r="AK18" s="42"/>
      <c r="AL18" s="42"/>
      <c r="AM18" s="42"/>
      <c r="AN18" s="42"/>
      <c r="AO18" s="42"/>
      <c r="AP18" s="42"/>
      <c r="AQ18" s="42"/>
      <c r="AR18" s="42"/>
      <c r="AS18" s="42" t="s">
        <v>46</v>
      </c>
      <c r="AT18" s="42"/>
      <c r="AU18" s="42"/>
      <c r="AV18" s="42"/>
      <c r="AW18" s="42"/>
      <c r="AX18" s="42"/>
      <c r="AY18" s="42"/>
      <c r="AZ18" s="42"/>
      <c r="BA18" s="43"/>
      <c r="BB18" s="3"/>
    </row>
    <row r="19" spans="1:54" ht="18.75" customHeight="1" x14ac:dyDescent="0.2">
      <c r="A19" s="3"/>
      <c r="B19" s="226" t="s">
        <v>31</v>
      </c>
      <c r="C19" s="219"/>
      <c r="D19" s="220"/>
      <c r="E19" s="218" t="s">
        <v>32</v>
      </c>
      <c r="F19" s="219"/>
      <c r="G19" s="219"/>
      <c r="H19" s="219"/>
      <c r="I19" s="219"/>
      <c r="J19" s="219"/>
      <c r="K19" s="219"/>
      <c r="L19" s="219"/>
      <c r="M19" s="219"/>
      <c r="N19" s="230" t="s">
        <v>81</v>
      </c>
      <c r="O19" s="231"/>
      <c r="P19" s="231"/>
      <c r="Q19" s="254"/>
      <c r="R19" s="218" t="s">
        <v>73</v>
      </c>
      <c r="S19" s="219"/>
      <c r="T19" s="219"/>
      <c r="U19" s="219"/>
      <c r="V19" s="220"/>
      <c r="W19" s="270" t="s">
        <v>82</v>
      </c>
      <c r="X19" s="270"/>
      <c r="Y19" s="270"/>
      <c r="Z19" s="271"/>
      <c r="AA19" s="3"/>
      <c r="AB19" s="144" t="s">
        <v>48</v>
      </c>
      <c r="AC19" s="145"/>
      <c r="AD19" s="145"/>
      <c r="AE19" s="145"/>
      <c r="AF19" s="42"/>
      <c r="AG19" s="172" t="s">
        <v>103</v>
      </c>
      <c r="AH19" s="172"/>
      <c r="AI19" s="361" t="s">
        <v>117</v>
      </c>
      <c r="AJ19" s="172" t="s">
        <v>0</v>
      </c>
      <c r="AK19" s="361" t="s">
        <v>117</v>
      </c>
      <c r="AL19" s="172" t="s">
        <v>1</v>
      </c>
      <c r="AM19" s="361" t="s">
        <v>117</v>
      </c>
      <c r="AN19" s="172" t="s">
        <v>59</v>
      </c>
      <c r="AO19" s="172" t="s">
        <v>102</v>
      </c>
      <c r="AP19" s="172" t="s">
        <v>103</v>
      </c>
      <c r="AQ19" s="172"/>
      <c r="AR19" s="361" t="s">
        <v>117</v>
      </c>
      <c r="AS19" s="172" t="s">
        <v>0</v>
      </c>
      <c r="AT19" s="361" t="s">
        <v>117</v>
      </c>
      <c r="AU19" s="172" t="s">
        <v>1</v>
      </c>
      <c r="AV19" s="361" t="s">
        <v>117</v>
      </c>
      <c r="AW19" s="172" t="s">
        <v>59</v>
      </c>
      <c r="AX19" s="42"/>
      <c r="AY19" s="42"/>
      <c r="AZ19" s="42"/>
      <c r="BA19" s="43"/>
      <c r="BB19" s="3"/>
    </row>
    <row r="20" spans="1:54" ht="18.75" customHeight="1" thickBot="1" x14ac:dyDescent="0.25">
      <c r="A20" s="3"/>
      <c r="B20" s="342" t="s">
        <v>126</v>
      </c>
      <c r="C20" s="343"/>
      <c r="D20" s="344"/>
      <c r="E20" s="44" t="s">
        <v>68</v>
      </c>
      <c r="F20" s="45"/>
      <c r="G20" s="45"/>
      <c r="H20" s="45"/>
      <c r="I20" s="45"/>
      <c r="J20" s="45" t="s">
        <v>68</v>
      </c>
      <c r="K20" s="45"/>
      <c r="L20" s="45"/>
      <c r="M20" s="45"/>
      <c r="N20" s="345" t="s">
        <v>131</v>
      </c>
      <c r="O20" s="346"/>
      <c r="P20" s="346"/>
      <c r="Q20" s="347"/>
      <c r="R20" s="351" t="s">
        <v>135</v>
      </c>
      <c r="S20" s="352"/>
      <c r="T20" s="352"/>
      <c r="U20" s="352"/>
      <c r="V20" s="353"/>
      <c r="W20" s="357" t="s">
        <v>136</v>
      </c>
      <c r="X20" s="357"/>
      <c r="Y20" s="357"/>
      <c r="Z20" s="358"/>
      <c r="AA20" s="3"/>
      <c r="AB20" s="135"/>
      <c r="AC20" s="136"/>
      <c r="AD20" s="136"/>
      <c r="AE20" s="136"/>
      <c r="AF20" s="97"/>
      <c r="AG20" s="173"/>
      <c r="AH20" s="173"/>
      <c r="AI20" s="362"/>
      <c r="AJ20" s="173"/>
      <c r="AK20" s="362"/>
      <c r="AL20" s="173"/>
      <c r="AM20" s="362"/>
      <c r="AN20" s="173"/>
      <c r="AO20" s="173"/>
      <c r="AP20" s="173"/>
      <c r="AQ20" s="173"/>
      <c r="AR20" s="362"/>
      <c r="AS20" s="173"/>
      <c r="AT20" s="362"/>
      <c r="AU20" s="173"/>
      <c r="AV20" s="362"/>
      <c r="AW20" s="173"/>
      <c r="AX20" s="84"/>
      <c r="AY20" s="84"/>
      <c r="AZ20" s="84"/>
      <c r="BA20" s="37"/>
      <c r="BB20" s="3"/>
    </row>
    <row r="21" spans="1:54" ht="18.75" customHeight="1" x14ac:dyDescent="0.2">
      <c r="A21" s="3"/>
      <c r="B21" s="342"/>
      <c r="C21" s="343"/>
      <c r="D21" s="344"/>
      <c r="E21" s="112">
        <v>60</v>
      </c>
      <c r="F21" s="88" t="s">
        <v>0</v>
      </c>
      <c r="G21" s="113">
        <v>4</v>
      </c>
      <c r="H21" s="171" t="s">
        <v>96</v>
      </c>
      <c r="I21" s="171"/>
      <c r="J21" s="113">
        <v>25</v>
      </c>
      <c r="K21" s="88" t="s">
        <v>0</v>
      </c>
      <c r="L21" s="113">
        <v>3</v>
      </c>
      <c r="M21" s="89" t="s">
        <v>1</v>
      </c>
      <c r="N21" s="348"/>
      <c r="O21" s="349"/>
      <c r="P21" s="349"/>
      <c r="Q21" s="350"/>
      <c r="R21" s="354"/>
      <c r="S21" s="355"/>
      <c r="T21" s="355"/>
      <c r="U21" s="355"/>
      <c r="V21" s="356"/>
      <c r="W21" s="359"/>
      <c r="X21" s="359"/>
      <c r="Y21" s="359"/>
      <c r="Z21" s="360"/>
      <c r="AA21" s="3"/>
      <c r="AB21" s="51" t="s">
        <v>56</v>
      </c>
      <c r="AC21" s="42"/>
      <c r="AD21" s="42"/>
      <c r="AE21" s="42"/>
      <c r="AF21" s="42"/>
      <c r="AG21" s="42"/>
      <c r="AH21" s="42"/>
      <c r="AI21" s="42"/>
      <c r="AJ21" s="42"/>
      <c r="AK21" s="42"/>
      <c r="AL21" s="42"/>
      <c r="AM21" s="42"/>
      <c r="AN21" s="42"/>
      <c r="AO21" s="42"/>
      <c r="AP21" s="42"/>
      <c r="AQ21" s="42"/>
      <c r="AR21" s="42"/>
      <c r="AS21" s="42"/>
      <c r="AT21" s="42"/>
      <c r="AU21" s="42"/>
      <c r="AV21" s="42"/>
      <c r="AW21" s="42"/>
      <c r="AX21" s="42"/>
      <c r="AY21" s="42"/>
      <c r="AZ21" s="42"/>
      <c r="BA21" s="43"/>
      <c r="BB21" s="3"/>
    </row>
    <row r="22" spans="1:54" ht="18.75" customHeight="1" x14ac:dyDescent="0.2">
      <c r="A22" s="3"/>
      <c r="B22" s="342" t="s">
        <v>127</v>
      </c>
      <c r="C22" s="343"/>
      <c r="D22" s="344"/>
      <c r="E22" s="44" t="s">
        <v>68</v>
      </c>
      <c r="F22" s="46"/>
      <c r="G22" s="46"/>
      <c r="H22" s="46"/>
      <c r="I22" s="46"/>
      <c r="J22" s="45" t="s">
        <v>68</v>
      </c>
      <c r="K22" s="46"/>
      <c r="L22" s="46"/>
      <c r="M22" s="46"/>
      <c r="N22" s="345" t="s">
        <v>132</v>
      </c>
      <c r="O22" s="346"/>
      <c r="P22" s="346"/>
      <c r="Q22" s="347"/>
      <c r="R22" s="351" t="s">
        <v>140</v>
      </c>
      <c r="S22" s="352"/>
      <c r="T22" s="352"/>
      <c r="U22" s="352"/>
      <c r="V22" s="353"/>
      <c r="W22" s="357" t="s">
        <v>137</v>
      </c>
      <c r="X22" s="357"/>
      <c r="Y22" s="357"/>
      <c r="Z22" s="358"/>
      <c r="AA22" s="3"/>
      <c r="AB22" s="163" t="s">
        <v>66</v>
      </c>
      <c r="AC22" s="150"/>
      <c r="AD22" s="150"/>
      <c r="AE22" s="150"/>
      <c r="AF22" s="150"/>
      <c r="AG22" s="107" t="s">
        <v>23</v>
      </c>
      <c r="AH22" s="151" t="s">
        <v>87</v>
      </c>
      <c r="AI22" s="151"/>
      <c r="AJ22" s="151"/>
      <c r="AK22" s="151"/>
      <c r="AL22" s="151"/>
      <c r="AM22" s="151"/>
      <c r="AN22" s="151"/>
      <c r="AO22" s="151"/>
      <c r="AP22" s="151"/>
      <c r="AQ22" s="151"/>
      <c r="AR22" s="151"/>
      <c r="AS22" s="151"/>
      <c r="AT22" s="151"/>
      <c r="AU22" s="151"/>
      <c r="AV22" s="151"/>
      <c r="AW22" s="151"/>
      <c r="AX22" s="151"/>
      <c r="AY22" s="151"/>
      <c r="AZ22" s="151"/>
      <c r="BA22" s="152"/>
      <c r="BB22" s="3"/>
    </row>
    <row r="23" spans="1:54" ht="18.75" customHeight="1" x14ac:dyDescent="0.2">
      <c r="A23" s="3"/>
      <c r="B23" s="342"/>
      <c r="C23" s="343"/>
      <c r="D23" s="344"/>
      <c r="E23" s="112">
        <v>26</v>
      </c>
      <c r="F23" s="88" t="s">
        <v>0</v>
      </c>
      <c r="G23" s="113">
        <v>4</v>
      </c>
      <c r="H23" s="171" t="s">
        <v>96</v>
      </c>
      <c r="I23" s="171"/>
      <c r="J23" s="113">
        <v>27</v>
      </c>
      <c r="K23" s="88" t="s">
        <v>0</v>
      </c>
      <c r="L23" s="113">
        <v>3</v>
      </c>
      <c r="M23" s="89" t="s">
        <v>1</v>
      </c>
      <c r="N23" s="348"/>
      <c r="O23" s="349"/>
      <c r="P23" s="349"/>
      <c r="Q23" s="350"/>
      <c r="R23" s="354"/>
      <c r="S23" s="355"/>
      <c r="T23" s="355"/>
      <c r="U23" s="355"/>
      <c r="V23" s="356"/>
      <c r="W23" s="359"/>
      <c r="X23" s="359"/>
      <c r="Y23" s="359"/>
      <c r="Z23" s="360"/>
      <c r="AA23" s="3"/>
      <c r="AB23" s="310" t="s">
        <v>65</v>
      </c>
      <c r="AC23" s="311"/>
      <c r="AD23" s="311"/>
      <c r="AE23" s="311"/>
      <c r="AF23" s="311"/>
      <c r="AG23" s="311"/>
      <c r="AH23" s="311"/>
      <c r="AI23" s="312"/>
      <c r="AJ23" s="311" t="s">
        <v>49</v>
      </c>
      <c r="AK23" s="311"/>
      <c r="AL23" s="311"/>
      <c r="AM23" s="311"/>
      <c r="AN23" s="311"/>
      <c r="AO23" s="311"/>
      <c r="AP23" s="311"/>
      <c r="AQ23" s="311"/>
      <c r="AR23" s="311"/>
      <c r="AS23" s="311"/>
      <c r="AT23" s="311"/>
      <c r="AU23" s="311"/>
      <c r="AV23" s="311"/>
      <c r="AW23" s="311"/>
      <c r="AX23" s="311"/>
      <c r="AY23" s="311"/>
      <c r="AZ23" s="311"/>
      <c r="BA23" s="316"/>
      <c r="BB23" s="3"/>
    </row>
    <row r="24" spans="1:54" ht="18.75" customHeight="1" x14ac:dyDescent="0.2">
      <c r="A24" s="3"/>
      <c r="B24" s="342" t="s">
        <v>128</v>
      </c>
      <c r="C24" s="343"/>
      <c r="D24" s="344"/>
      <c r="E24" s="44" t="s">
        <v>68</v>
      </c>
      <c r="F24" s="46"/>
      <c r="G24" s="46"/>
      <c r="H24" s="46"/>
      <c r="I24" s="46"/>
      <c r="J24" s="45" t="s">
        <v>68</v>
      </c>
      <c r="K24" s="46"/>
      <c r="L24" s="46"/>
      <c r="M24" s="46"/>
      <c r="N24" s="345" t="s">
        <v>133</v>
      </c>
      <c r="O24" s="346"/>
      <c r="P24" s="346"/>
      <c r="Q24" s="347"/>
      <c r="R24" s="351" t="s">
        <v>140</v>
      </c>
      <c r="S24" s="352"/>
      <c r="T24" s="352"/>
      <c r="U24" s="352"/>
      <c r="V24" s="353"/>
      <c r="W24" s="357" t="s">
        <v>138</v>
      </c>
      <c r="X24" s="357"/>
      <c r="Y24" s="357"/>
      <c r="Z24" s="358"/>
      <c r="AA24" s="3"/>
      <c r="AB24" s="313" t="s">
        <v>60</v>
      </c>
      <c r="AC24" s="314"/>
      <c r="AD24" s="314"/>
      <c r="AE24" s="314"/>
      <c r="AF24" s="314"/>
      <c r="AG24" s="314"/>
      <c r="AH24" s="314"/>
      <c r="AI24" s="315"/>
      <c r="AJ24" s="159" t="s">
        <v>51</v>
      </c>
      <c r="AK24" s="159"/>
      <c r="AL24" s="159"/>
      <c r="AM24" s="159"/>
      <c r="AN24" s="159"/>
      <c r="AO24" s="159"/>
      <c r="AP24" s="159"/>
      <c r="AQ24" s="159"/>
      <c r="AR24" s="159"/>
      <c r="AS24" s="159"/>
      <c r="AT24" s="159"/>
      <c r="AU24" s="159"/>
      <c r="AV24" s="159"/>
      <c r="AW24" s="159"/>
      <c r="AX24" s="159"/>
      <c r="AY24" s="159"/>
      <c r="AZ24" s="159"/>
      <c r="BA24" s="160"/>
      <c r="BB24" s="3"/>
    </row>
    <row r="25" spans="1:54" ht="18.75" customHeight="1" x14ac:dyDescent="0.2">
      <c r="A25" s="3"/>
      <c r="B25" s="342"/>
      <c r="C25" s="343"/>
      <c r="D25" s="344"/>
      <c r="E25" s="112">
        <v>28</v>
      </c>
      <c r="F25" s="88" t="s">
        <v>0</v>
      </c>
      <c r="G25" s="113">
        <v>4</v>
      </c>
      <c r="H25" s="171" t="s">
        <v>96</v>
      </c>
      <c r="I25" s="171"/>
      <c r="J25" s="113">
        <v>30</v>
      </c>
      <c r="K25" s="88" t="s">
        <v>0</v>
      </c>
      <c r="L25" s="113">
        <v>3</v>
      </c>
      <c r="M25" s="89" t="s">
        <v>1</v>
      </c>
      <c r="N25" s="348"/>
      <c r="O25" s="349"/>
      <c r="P25" s="349"/>
      <c r="Q25" s="350"/>
      <c r="R25" s="354"/>
      <c r="S25" s="355"/>
      <c r="T25" s="355"/>
      <c r="U25" s="355"/>
      <c r="V25" s="356"/>
      <c r="W25" s="359"/>
      <c r="X25" s="359"/>
      <c r="Y25" s="359"/>
      <c r="Z25" s="360"/>
      <c r="AA25" s="3"/>
      <c r="AB25" s="119" t="s">
        <v>61</v>
      </c>
      <c r="AC25" s="120"/>
      <c r="AD25" s="120"/>
      <c r="AE25" s="120"/>
      <c r="AF25" s="120"/>
      <c r="AG25" s="120"/>
      <c r="AH25" s="120"/>
      <c r="AI25" s="121"/>
      <c r="AJ25" s="161" t="s">
        <v>52</v>
      </c>
      <c r="AK25" s="161"/>
      <c r="AL25" s="161"/>
      <c r="AM25" s="161"/>
      <c r="AN25" s="161"/>
      <c r="AO25" s="161"/>
      <c r="AP25" s="161"/>
      <c r="AQ25" s="161"/>
      <c r="AR25" s="161"/>
      <c r="AS25" s="161"/>
      <c r="AT25" s="161"/>
      <c r="AU25" s="161"/>
      <c r="AV25" s="161"/>
      <c r="AW25" s="161"/>
      <c r="AX25" s="161"/>
      <c r="AY25" s="161"/>
      <c r="AZ25" s="161"/>
      <c r="BA25" s="162"/>
      <c r="BB25" s="3"/>
    </row>
    <row r="26" spans="1:54" ht="18.75" customHeight="1" x14ac:dyDescent="0.2">
      <c r="A26" s="3"/>
      <c r="B26" s="342" t="s">
        <v>129</v>
      </c>
      <c r="C26" s="343"/>
      <c r="D26" s="344"/>
      <c r="E26" s="44" t="s">
        <v>68</v>
      </c>
      <c r="F26" s="46"/>
      <c r="G26" s="46"/>
      <c r="H26" s="46"/>
      <c r="I26" s="46"/>
      <c r="J26" s="45" t="s">
        <v>68</v>
      </c>
      <c r="K26" s="46"/>
      <c r="L26" s="46"/>
      <c r="M26" s="46"/>
      <c r="N26" s="345" t="s">
        <v>134</v>
      </c>
      <c r="O26" s="346"/>
      <c r="P26" s="346"/>
      <c r="Q26" s="347"/>
      <c r="R26" s="351" t="s">
        <v>140</v>
      </c>
      <c r="S26" s="352"/>
      <c r="T26" s="352"/>
      <c r="U26" s="352"/>
      <c r="V26" s="353"/>
      <c r="W26" s="357" t="s">
        <v>139</v>
      </c>
      <c r="X26" s="357"/>
      <c r="Y26" s="357"/>
      <c r="Z26" s="358"/>
      <c r="AA26" s="3"/>
      <c r="AB26" s="122"/>
      <c r="AC26" s="123"/>
      <c r="AD26" s="123"/>
      <c r="AE26" s="123"/>
      <c r="AF26" s="123"/>
      <c r="AG26" s="123"/>
      <c r="AH26" s="123"/>
      <c r="AI26" s="124"/>
      <c r="AJ26" s="117" t="s">
        <v>53</v>
      </c>
      <c r="AK26" s="117"/>
      <c r="AL26" s="117"/>
      <c r="AM26" s="117"/>
      <c r="AN26" s="117"/>
      <c r="AO26" s="117"/>
      <c r="AP26" s="117"/>
      <c r="AQ26" s="117"/>
      <c r="AR26" s="117"/>
      <c r="AS26" s="117"/>
      <c r="AT26" s="117"/>
      <c r="AU26" s="117"/>
      <c r="AV26" s="117"/>
      <c r="AW26" s="117"/>
      <c r="AX26" s="117"/>
      <c r="AY26" s="117"/>
      <c r="AZ26" s="117"/>
      <c r="BA26" s="118"/>
      <c r="BB26" s="3"/>
    </row>
    <row r="27" spans="1:54" ht="18.75" customHeight="1" x14ac:dyDescent="0.2">
      <c r="A27" s="3"/>
      <c r="B27" s="342"/>
      <c r="C27" s="343"/>
      <c r="D27" s="344"/>
      <c r="E27" s="112">
        <v>30</v>
      </c>
      <c r="F27" s="88" t="s">
        <v>0</v>
      </c>
      <c r="G27" s="113">
        <v>4</v>
      </c>
      <c r="H27" s="171" t="s">
        <v>96</v>
      </c>
      <c r="I27" s="171"/>
      <c r="J27" s="113">
        <v>2</v>
      </c>
      <c r="K27" s="88" t="s">
        <v>0</v>
      </c>
      <c r="L27" s="113">
        <v>3</v>
      </c>
      <c r="M27" s="89" t="s">
        <v>1</v>
      </c>
      <c r="N27" s="348"/>
      <c r="O27" s="349"/>
      <c r="P27" s="349"/>
      <c r="Q27" s="350"/>
      <c r="R27" s="354"/>
      <c r="S27" s="355"/>
      <c r="T27" s="355"/>
      <c r="U27" s="355"/>
      <c r="V27" s="356"/>
      <c r="W27" s="359"/>
      <c r="X27" s="359"/>
      <c r="Y27" s="359"/>
      <c r="Z27" s="360"/>
      <c r="AA27" s="3"/>
      <c r="AB27" s="125"/>
      <c r="AC27" s="126"/>
      <c r="AD27" s="126"/>
      <c r="AE27" s="126"/>
      <c r="AF27" s="126"/>
      <c r="AG27" s="126"/>
      <c r="AH27" s="126"/>
      <c r="AI27" s="127"/>
      <c r="AJ27" s="321" t="s">
        <v>54</v>
      </c>
      <c r="AK27" s="321"/>
      <c r="AL27" s="321"/>
      <c r="AM27" s="321"/>
      <c r="AN27" s="321"/>
      <c r="AO27" s="321"/>
      <c r="AP27" s="321"/>
      <c r="AQ27" s="321"/>
      <c r="AR27" s="321"/>
      <c r="AS27" s="321"/>
      <c r="AT27" s="321"/>
      <c r="AU27" s="321"/>
      <c r="AV27" s="321"/>
      <c r="AW27" s="321"/>
      <c r="AX27" s="321"/>
      <c r="AY27" s="321"/>
      <c r="AZ27" s="321"/>
      <c r="BA27" s="322"/>
      <c r="BB27" s="3"/>
    </row>
    <row r="28" spans="1:54" ht="18.75" customHeight="1" x14ac:dyDescent="0.2">
      <c r="A28" s="3"/>
      <c r="B28" s="342" t="s">
        <v>130</v>
      </c>
      <c r="C28" s="343"/>
      <c r="D28" s="344"/>
      <c r="E28" s="44" t="s">
        <v>68</v>
      </c>
      <c r="F28" s="46"/>
      <c r="G28" s="46"/>
      <c r="H28" s="46"/>
      <c r="I28" s="46"/>
      <c r="J28" s="45" t="s">
        <v>68</v>
      </c>
      <c r="K28" s="46"/>
      <c r="L28" s="46"/>
      <c r="M28" s="46"/>
      <c r="N28" s="345" t="s">
        <v>134</v>
      </c>
      <c r="O28" s="346"/>
      <c r="P28" s="346"/>
      <c r="Q28" s="347"/>
      <c r="R28" s="351" t="s">
        <v>140</v>
      </c>
      <c r="S28" s="352"/>
      <c r="T28" s="352"/>
      <c r="U28" s="352"/>
      <c r="V28" s="353"/>
      <c r="W28" s="357" t="s">
        <v>139</v>
      </c>
      <c r="X28" s="357"/>
      <c r="Y28" s="357"/>
      <c r="Z28" s="358"/>
      <c r="AA28" s="3"/>
      <c r="AB28" s="128" t="s">
        <v>62</v>
      </c>
      <c r="AC28" s="129"/>
      <c r="AD28" s="129"/>
      <c r="AE28" s="129"/>
      <c r="AF28" s="129"/>
      <c r="AG28" s="129"/>
      <c r="AH28" s="129"/>
      <c r="AI28" s="130"/>
      <c r="AJ28" s="117" t="s">
        <v>55</v>
      </c>
      <c r="AK28" s="117"/>
      <c r="AL28" s="117"/>
      <c r="AM28" s="117"/>
      <c r="AN28" s="117"/>
      <c r="AO28" s="117"/>
      <c r="AP28" s="117"/>
      <c r="AQ28" s="117"/>
      <c r="AR28" s="117"/>
      <c r="AS28" s="117"/>
      <c r="AT28" s="117"/>
      <c r="AU28" s="117"/>
      <c r="AV28" s="117"/>
      <c r="AW28" s="117"/>
      <c r="AX28" s="117"/>
      <c r="AY28" s="117"/>
      <c r="AZ28" s="117"/>
      <c r="BA28" s="118"/>
      <c r="BB28" s="3"/>
    </row>
    <row r="29" spans="1:54" ht="18.75" customHeight="1" x14ac:dyDescent="0.2">
      <c r="A29" s="3"/>
      <c r="B29" s="342"/>
      <c r="C29" s="343"/>
      <c r="D29" s="344"/>
      <c r="E29" s="112">
        <v>4</v>
      </c>
      <c r="F29" s="88" t="s">
        <v>0</v>
      </c>
      <c r="G29" s="113">
        <v>4</v>
      </c>
      <c r="H29" s="171" t="s">
        <v>96</v>
      </c>
      <c r="I29" s="171"/>
      <c r="J29" s="113">
        <v>5</v>
      </c>
      <c r="K29" s="88" t="s">
        <v>0</v>
      </c>
      <c r="L29" s="113">
        <v>3</v>
      </c>
      <c r="M29" s="89" t="s">
        <v>1</v>
      </c>
      <c r="N29" s="348"/>
      <c r="O29" s="349"/>
      <c r="P29" s="349"/>
      <c r="Q29" s="350"/>
      <c r="R29" s="354"/>
      <c r="S29" s="355"/>
      <c r="T29" s="355"/>
      <c r="U29" s="355"/>
      <c r="V29" s="356"/>
      <c r="W29" s="359"/>
      <c r="X29" s="359"/>
      <c r="Y29" s="359"/>
      <c r="Z29" s="360"/>
      <c r="AA29" s="3"/>
      <c r="AB29" s="319" t="s">
        <v>64</v>
      </c>
      <c r="AC29" s="320"/>
      <c r="AD29" s="320"/>
      <c r="AE29" s="320"/>
      <c r="AF29" s="320"/>
      <c r="AG29" s="86" t="s">
        <v>58</v>
      </c>
      <c r="AH29" s="115">
        <v>5</v>
      </c>
      <c r="AI29" s="35" t="s">
        <v>59</v>
      </c>
      <c r="AJ29" s="149"/>
      <c r="AK29" s="150"/>
      <c r="AL29" s="150"/>
      <c r="AM29" s="150"/>
      <c r="AN29" s="150"/>
      <c r="AO29" s="150"/>
      <c r="AP29" s="150"/>
      <c r="AQ29" s="150"/>
      <c r="AR29" s="150"/>
      <c r="AS29" s="151"/>
      <c r="AT29" s="151"/>
      <c r="AU29" s="151"/>
      <c r="AV29" s="151"/>
      <c r="AW29" s="151"/>
      <c r="AX29" s="151"/>
      <c r="AY29" s="151"/>
      <c r="AZ29" s="151"/>
      <c r="BA29" s="152"/>
      <c r="BB29" s="3"/>
    </row>
    <row r="30" spans="1:54" ht="18.75" customHeight="1" x14ac:dyDescent="0.2">
      <c r="A30" s="3"/>
      <c r="B30" s="332"/>
      <c r="C30" s="333"/>
      <c r="D30" s="334"/>
      <c r="E30" s="44" t="s">
        <v>68</v>
      </c>
      <c r="F30" s="46"/>
      <c r="G30" s="46"/>
      <c r="H30" s="46"/>
      <c r="I30" s="46"/>
      <c r="J30" s="45" t="s">
        <v>68</v>
      </c>
      <c r="K30" s="46"/>
      <c r="L30" s="46"/>
      <c r="M30" s="46"/>
      <c r="N30" s="246"/>
      <c r="O30" s="247"/>
      <c r="P30" s="247"/>
      <c r="Q30" s="248"/>
      <c r="R30" s="246"/>
      <c r="S30" s="247"/>
      <c r="T30" s="247"/>
      <c r="U30" s="247"/>
      <c r="V30" s="248"/>
      <c r="W30" s="337"/>
      <c r="X30" s="337"/>
      <c r="Y30" s="337"/>
      <c r="Z30" s="338"/>
      <c r="AA30" s="3"/>
      <c r="AB30" s="317" t="s">
        <v>72</v>
      </c>
      <c r="AC30" s="318"/>
      <c r="AD30" s="318"/>
      <c r="AE30" s="318"/>
      <c r="AF30" s="318"/>
      <c r="AG30" s="318"/>
      <c r="AH30" s="318"/>
      <c r="AI30" s="318"/>
      <c r="AJ30" s="151" t="s">
        <v>71</v>
      </c>
      <c r="AK30" s="151"/>
      <c r="AL30" s="151"/>
      <c r="AM30" s="151"/>
      <c r="AN30" s="151"/>
      <c r="AO30" s="151"/>
      <c r="AP30" s="151"/>
      <c r="AQ30" s="151"/>
      <c r="AR30" s="151"/>
      <c r="AS30" s="151"/>
      <c r="AT30" s="151"/>
      <c r="AU30" s="151"/>
      <c r="AV30" s="55"/>
      <c r="AW30" s="55"/>
      <c r="AX30" s="55"/>
      <c r="AY30" s="55"/>
      <c r="AZ30" s="55"/>
      <c r="BA30" s="56"/>
    </row>
    <row r="31" spans="1:54" ht="18.75" customHeight="1" thickBot="1" x14ac:dyDescent="0.25">
      <c r="A31" s="3"/>
      <c r="B31" s="335"/>
      <c r="C31" s="131"/>
      <c r="D31" s="336"/>
      <c r="E31" s="90"/>
      <c r="F31" s="91" t="s">
        <v>0</v>
      </c>
      <c r="G31" s="91"/>
      <c r="H31" s="173" t="s">
        <v>96</v>
      </c>
      <c r="I31" s="173"/>
      <c r="J31" s="91"/>
      <c r="K31" s="91" t="s">
        <v>0</v>
      </c>
      <c r="L31" s="91"/>
      <c r="M31" s="92" t="s">
        <v>1</v>
      </c>
      <c r="N31" s="255"/>
      <c r="O31" s="173"/>
      <c r="P31" s="173"/>
      <c r="Q31" s="256"/>
      <c r="R31" s="255"/>
      <c r="S31" s="173"/>
      <c r="T31" s="173"/>
      <c r="U31" s="173"/>
      <c r="V31" s="256"/>
      <c r="W31" s="339"/>
      <c r="X31" s="339"/>
      <c r="Y31" s="339"/>
      <c r="Z31" s="340"/>
      <c r="AA31" s="3"/>
      <c r="AB31" s="155" t="s">
        <v>63</v>
      </c>
      <c r="AC31" s="156"/>
      <c r="AD31" s="156"/>
      <c r="AE31" s="156"/>
      <c r="AF31" s="156"/>
      <c r="AG31" s="108" t="s">
        <v>23</v>
      </c>
      <c r="AH31" s="131" t="s">
        <v>104</v>
      </c>
      <c r="AI31" s="131"/>
      <c r="AJ31" s="108" t="s">
        <v>105</v>
      </c>
      <c r="AK31" s="109" t="s">
        <v>106</v>
      </c>
      <c r="AL31" s="109"/>
      <c r="AM31" s="108" t="s">
        <v>107</v>
      </c>
      <c r="AN31" s="341" t="s">
        <v>148</v>
      </c>
      <c r="AO31" s="341"/>
      <c r="AP31" s="341"/>
      <c r="AQ31" s="341"/>
      <c r="AR31" s="341"/>
      <c r="AS31" s="109" t="s">
        <v>108</v>
      </c>
      <c r="AT31" s="109"/>
      <c r="AU31" s="153"/>
      <c r="AV31" s="153"/>
      <c r="AW31" s="153"/>
      <c r="AX31" s="153"/>
      <c r="AY31" s="153"/>
      <c r="AZ31" s="153"/>
      <c r="BA31" s="154"/>
    </row>
    <row r="32" spans="1:54" ht="18.75" customHeight="1" x14ac:dyDescent="0.2">
      <c r="A32" s="3"/>
      <c r="B32" s="240" t="s">
        <v>34</v>
      </c>
      <c r="C32" s="241"/>
      <c r="D32" s="241"/>
      <c r="E32" s="241"/>
      <c r="F32" s="242"/>
      <c r="G32" s="330" t="s">
        <v>141</v>
      </c>
      <c r="H32" s="331"/>
      <c r="I32" s="235" t="s">
        <v>98</v>
      </c>
      <c r="J32" s="236"/>
      <c r="K32" s="236"/>
      <c r="L32" s="236"/>
      <c r="M32" s="236"/>
      <c r="N32" s="236"/>
      <c r="O32" s="236"/>
      <c r="P32" s="236"/>
      <c r="Q32" s="236"/>
      <c r="R32" s="236"/>
      <c r="S32" s="237"/>
      <c r="T32" s="238" t="s">
        <v>99</v>
      </c>
      <c r="U32" s="171"/>
      <c r="V32" s="236" t="s">
        <v>100</v>
      </c>
      <c r="W32" s="236"/>
      <c r="X32" s="236"/>
      <c r="Y32" s="236"/>
      <c r="Z32" s="239"/>
      <c r="AA32" s="3"/>
      <c r="AB32" s="144" t="s">
        <v>94</v>
      </c>
      <c r="AC32" s="145"/>
      <c r="AD32" s="145"/>
      <c r="AE32" s="145"/>
      <c r="AF32" s="145"/>
      <c r="AG32" s="145"/>
      <c r="AH32" s="145"/>
      <c r="AI32" s="145"/>
      <c r="AJ32" s="145"/>
      <c r="AK32" s="145"/>
      <c r="AL32" s="145"/>
      <c r="AM32" s="145"/>
      <c r="AN32" s="145"/>
      <c r="AO32" s="145"/>
      <c r="AP32" s="145"/>
      <c r="AQ32" s="145"/>
      <c r="AR32" s="145"/>
      <c r="AS32" s="145"/>
      <c r="AT32" s="145"/>
      <c r="AU32" s="145"/>
      <c r="AV32" s="145"/>
      <c r="AW32" s="145"/>
      <c r="AX32" s="145"/>
      <c r="AY32" s="145"/>
      <c r="AZ32" s="145"/>
      <c r="BA32" s="146"/>
    </row>
    <row r="33" spans="1:54" ht="18.75" customHeight="1" x14ac:dyDescent="0.2">
      <c r="A33" s="3"/>
      <c r="B33" s="226" t="s">
        <v>32</v>
      </c>
      <c r="C33" s="219"/>
      <c r="D33" s="219"/>
      <c r="E33" s="219"/>
      <c r="F33" s="219"/>
      <c r="G33" s="219"/>
      <c r="H33" s="219"/>
      <c r="I33" s="220"/>
      <c r="J33" s="218" t="s">
        <v>35</v>
      </c>
      <c r="K33" s="219"/>
      <c r="L33" s="219"/>
      <c r="M33" s="219"/>
      <c r="N33" s="220"/>
      <c r="O33" s="218" t="s">
        <v>38</v>
      </c>
      <c r="P33" s="219"/>
      <c r="Q33" s="219"/>
      <c r="R33" s="220"/>
      <c r="S33" s="218" t="s">
        <v>39</v>
      </c>
      <c r="T33" s="219"/>
      <c r="U33" s="220"/>
      <c r="V33" s="230" t="s">
        <v>44</v>
      </c>
      <c r="W33" s="231"/>
      <c r="X33" s="231"/>
      <c r="Y33" s="231"/>
      <c r="Z33" s="232"/>
      <c r="AA33" s="3"/>
      <c r="AB33" s="132"/>
      <c r="AC33" s="133"/>
      <c r="AD33" s="133"/>
      <c r="AE33" s="133"/>
      <c r="AF33" s="133"/>
      <c r="AG33" s="133"/>
      <c r="AH33" s="133"/>
      <c r="AI33" s="133"/>
      <c r="AJ33" s="133"/>
      <c r="AK33" s="133"/>
      <c r="AL33" s="133"/>
      <c r="AM33" s="133"/>
      <c r="AN33" s="133"/>
      <c r="AO33" s="133"/>
      <c r="AP33" s="133"/>
      <c r="AQ33" s="133"/>
      <c r="AR33" s="133"/>
      <c r="AS33" s="133"/>
      <c r="AT33" s="133"/>
      <c r="AU33" s="133"/>
      <c r="AV33" s="133"/>
      <c r="AW33" s="133"/>
      <c r="AX33" s="133"/>
      <c r="AY33" s="133"/>
      <c r="AZ33" s="133"/>
      <c r="BA33" s="134"/>
    </row>
    <row r="34" spans="1:54" ht="18.75" customHeight="1" x14ac:dyDescent="0.2">
      <c r="A34" s="3"/>
      <c r="B34" s="227" t="s">
        <v>69</v>
      </c>
      <c r="C34" s="228"/>
      <c r="D34" s="228"/>
      <c r="E34" s="228"/>
      <c r="F34" s="228"/>
      <c r="G34" s="228"/>
      <c r="H34" s="228"/>
      <c r="I34" s="229"/>
      <c r="J34" s="324" t="s">
        <v>142</v>
      </c>
      <c r="K34" s="325"/>
      <c r="L34" s="325"/>
      <c r="M34" s="325"/>
      <c r="N34" s="326"/>
      <c r="O34" s="324" t="s">
        <v>144</v>
      </c>
      <c r="P34" s="325"/>
      <c r="Q34" s="325"/>
      <c r="R34" s="326"/>
      <c r="S34" s="59" t="s">
        <v>42</v>
      </c>
      <c r="T34" s="60" t="s">
        <v>43</v>
      </c>
      <c r="U34" s="61"/>
      <c r="V34" s="44" t="s">
        <v>23</v>
      </c>
      <c r="W34" s="202" t="s">
        <v>67</v>
      </c>
      <c r="X34" s="202"/>
      <c r="Y34" s="202"/>
      <c r="Z34" s="203"/>
      <c r="AA34" s="3"/>
      <c r="AB34" s="132"/>
      <c r="AC34" s="133"/>
      <c r="AD34" s="133"/>
      <c r="AE34" s="133"/>
      <c r="AF34" s="133"/>
      <c r="AG34" s="133"/>
      <c r="AH34" s="133"/>
      <c r="AI34" s="133"/>
      <c r="AJ34" s="133"/>
      <c r="AK34" s="133"/>
      <c r="AL34" s="133"/>
      <c r="AM34" s="133"/>
      <c r="AN34" s="133"/>
      <c r="AO34" s="133"/>
      <c r="AP34" s="133"/>
      <c r="AQ34" s="133"/>
      <c r="AR34" s="133"/>
      <c r="AS34" s="133"/>
      <c r="AT34" s="133"/>
      <c r="AU34" s="133"/>
      <c r="AV34" s="133"/>
      <c r="AW34" s="133"/>
      <c r="AX34" s="133"/>
      <c r="AY34" s="133"/>
      <c r="AZ34" s="133"/>
      <c r="BA34" s="134"/>
    </row>
    <row r="35" spans="1:54" ht="18.75" customHeight="1" x14ac:dyDescent="0.2">
      <c r="A35" s="3"/>
      <c r="B35" s="114">
        <v>25</v>
      </c>
      <c r="C35" s="88" t="s">
        <v>0</v>
      </c>
      <c r="D35" s="113">
        <v>4</v>
      </c>
      <c r="E35" s="88" t="s">
        <v>96</v>
      </c>
      <c r="F35" s="113">
        <v>26</v>
      </c>
      <c r="G35" s="88" t="s">
        <v>0</v>
      </c>
      <c r="H35" s="113">
        <v>3</v>
      </c>
      <c r="I35" s="89" t="s">
        <v>1</v>
      </c>
      <c r="J35" s="327"/>
      <c r="K35" s="328"/>
      <c r="L35" s="328"/>
      <c r="M35" s="328"/>
      <c r="N35" s="329"/>
      <c r="O35" s="327"/>
      <c r="P35" s="328"/>
      <c r="Q35" s="328"/>
      <c r="R35" s="329"/>
      <c r="S35" s="59" t="s">
        <v>40</v>
      </c>
      <c r="T35" s="60" t="s">
        <v>41</v>
      </c>
      <c r="U35" s="61"/>
      <c r="V35" s="207" t="s">
        <v>45</v>
      </c>
      <c r="W35" s="208"/>
      <c r="X35" s="208"/>
      <c r="Y35" s="208"/>
      <c r="Z35" s="209"/>
      <c r="AA35" s="3"/>
      <c r="AB35" s="132"/>
      <c r="AC35" s="133"/>
      <c r="AD35" s="133"/>
      <c r="AE35" s="133"/>
      <c r="AF35" s="133"/>
      <c r="AG35" s="133"/>
      <c r="AH35" s="133"/>
      <c r="AI35" s="133"/>
      <c r="AJ35" s="133"/>
      <c r="AK35" s="133"/>
      <c r="AL35" s="133"/>
      <c r="AM35" s="133"/>
      <c r="AN35" s="133"/>
      <c r="AO35" s="133"/>
      <c r="AP35" s="133"/>
      <c r="AQ35" s="133"/>
      <c r="AR35" s="133"/>
      <c r="AS35" s="133"/>
      <c r="AT35" s="133"/>
      <c r="AU35" s="133"/>
      <c r="AV35" s="133"/>
      <c r="AW35" s="133"/>
      <c r="AX35" s="133"/>
      <c r="AY35" s="133"/>
      <c r="AZ35" s="133"/>
      <c r="BA35" s="134"/>
      <c r="BB35" s="3"/>
    </row>
    <row r="36" spans="1:54" ht="18.75" customHeight="1" x14ac:dyDescent="0.2">
      <c r="A36" s="3"/>
      <c r="B36" s="227" t="s">
        <v>69</v>
      </c>
      <c r="C36" s="228"/>
      <c r="D36" s="228"/>
      <c r="E36" s="228"/>
      <c r="F36" s="228"/>
      <c r="G36" s="228"/>
      <c r="H36" s="228"/>
      <c r="I36" s="229"/>
      <c r="J36" s="324" t="s">
        <v>143</v>
      </c>
      <c r="K36" s="325"/>
      <c r="L36" s="325"/>
      <c r="M36" s="325"/>
      <c r="N36" s="326"/>
      <c r="O36" s="324" t="s">
        <v>145</v>
      </c>
      <c r="P36" s="325"/>
      <c r="Q36" s="325"/>
      <c r="R36" s="326"/>
      <c r="S36" s="44" t="s">
        <v>42</v>
      </c>
      <c r="T36" s="81" t="s">
        <v>43</v>
      </c>
      <c r="U36" s="63"/>
      <c r="V36" s="44" t="s">
        <v>23</v>
      </c>
      <c r="W36" s="202" t="s">
        <v>67</v>
      </c>
      <c r="X36" s="202"/>
      <c r="Y36" s="202"/>
      <c r="Z36" s="203"/>
      <c r="AA36" s="3"/>
      <c r="AB36" s="132"/>
      <c r="AC36" s="133"/>
      <c r="AD36" s="133"/>
      <c r="AE36" s="133"/>
      <c r="AF36" s="133"/>
      <c r="AG36" s="133"/>
      <c r="AH36" s="133"/>
      <c r="AI36" s="133"/>
      <c r="AJ36" s="133"/>
      <c r="AK36" s="133"/>
      <c r="AL36" s="133"/>
      <c r="AM36" s="133"/>
      <c r="AN36" s="133"/>
      <c r="AO36" s="133"/>
      <c r="AP36" s="133"/>
      <c r="AQ36" s="133"/>
      <c r="AR36" s="133"/>
      <c r="AS36" s="133"/>
      <c r="AT36" s="133"/>
      <c r="AU36" s="133"/>
      <c r="AV36" s="133"/>
      <c r="AW36" s="133"/>
      <c r="AX36" s="133"/>
      <c r="AY36" s="133"/>
      <c r="AZ36" s="133"/>
      <c r="BA36" s="134"/>
      <c r="BB36" s="3"/>
    </row>
    <row r="37" spans="1:54" ht="18.75" customHeight="1" thickBot="1" x14ac:dyDescent="0.25">
      <c r="A37" s="3"/>
      <c r="B37" s="114">
        <v>6</v>
      </c>
      <c r="C37" s="88" t="s">
        <v>0</v>
      </c>
      <c r="D37" s="113">
        <v>4</v>
      </c>
      <c r="E37" s="88" t="s">
        <v>96</v>
      </c>
      <c r="F37" s="88"/>
      <c r="G37" s="88" t="s">
        <v>0</v>
      </c>
      <c r="H37" s="88"/>
      <c r="I37" s="89" t="s">
        <v>1</v>
      </c>
      <c r="J37" s="327"/>
      <c r="K37" s="328"/>
      <c r="L37" s="328"/>
      <c r="M37" s="328"/>
      <c r="N37" s="329"/>
      <c r="O37" s="327"/>
      <c r="P37" s="328"/>
      <c r="Q37" s="328"/>
      <c r="R37" s="329"/>
      <c r="S37" s="64" t="s">
        <v>40</v>
      </c>
      <c r="T37" s="65" t="s">
        <v>41</v>
      </c>
      <c r="U37" s="66"/>
      <c r="V37" s="207" t="s">
        <v>45</v>
      </c>
      <c r="W37" s="208"/>
      <c r="X37" s="208"/>
      <c r="Y37" s="208"/>
      <c r="Z37" s="209"/>
      <c r="AA37" s="3"/>
      <c r="AB37" s="135"/>
      <c r="AC37" s="136"/>
      <c r="AD37" s="136"/>
      <c r="AE37" s="136"/>
      <c r="AF37" s="136"/>
      <c r="AG37" s="136"/>
      <c r="AH37" s="136"/>
      <c r="AI37" s="136"/>
      <c r="AJ37" s="136"/>
      <c r="AK37" s="136"/>
      <c r="AL37" s="136"/>
      <c r="AM37" s="136"/>
      <c r="AN37" s="136"/>
      <c r="AO37" s="136"/>
      <c r="AP37" s="136"/>
      <c r="AQ37" s="136"/>
      <c r="AR37" s="136"/>
      <c r="AS37" s="136"/>
      <c r="AT37" s="136"/>
      <c r="AU37" s="136"/>
      <c r="AV37" s="136"/>
      <c r="AW37" s="136"/>
      <c r="AX37" s="136"/>
      <c r="AY37" s="136"/>
      <c r="AZ37" s="136"/>
      <c r="BA37" s="137"/>
      <c r="BB37" s="3"/>
    </row>
    <row r="38" spans="1:54" ht="18.75" customHeight="1" x14ac:dyDescent="0.2">
      <c r="A38" s="3"/>
      <c r="B38" s="227" t="s">
        <v>69</v>
      </c>
      <c r="C38" s="228"/>
      <c r="D38" s="228"/>
      <c r="E38" s="228"/>
      <c r="F38" s="228"/>
      <c r="G38" s="228"/>
      <c r="H38" s="228"/>
      <c r="I38" s="229"/>
      <c r="J38" s="193"/>
      <c r="K38" s="194"/>
      <c r="L38" s="194"/>
      <c r="M38" s="194"/>
      <c r="N38" s="195"/>
      <c r="O38" s="193"/>
      <c r="P38" s="194"/>
      <c r="Q38" s="194"/>
      <c r="R38" s="195"/>
      <c r="S38" s="59" t="s">
        <v>42</v>
      </c>
      <c r="T38" s="60" t="s">
        <v>43</v>
      </c>
      <c r="U38" s="61"/>
      <c r="V38" s="44" t="s">
        <v>23</v>
      </c>
      <c r="W38" s="202" t="s">
        <v>67</v>
      </c>
      <c r="X38" s="202"/>
      <c r="Y38" s="202"/>
      <c r="Z38" s="203"/>
      <c r="AA38" s="3"/>
      <c r="AB38" s="157" t="s">
        <v>75</v>
      </c>
      <c r="AC38" s="158"/>
      <c r="AD38" s="158"/>
      <c r="AE38" s="82" t="s">
        <v>77</v>
      </c>
      <c r="AF38" s="82"/>
      <c r="AG38" s="82"/>
      <c r="AH38" s="82"/>
      <c r="AI38" s="82"/>
      <c r="AJ38" s="82"/>
      <c r="AK38" s="82"/>
      <c r="AL38" s="82"/>
      <c r="AM38" s="82"/>
      <c r="AN38" s="82"/>
      <c r="AO38" s="82"/>
      <c r="AP38" s="82"/>
      <c r="AQ38" s="82"/>
      <c r="AR38" s="82"/>
      <c r="AS38" s="82"/>
      <c r="AT38" s="82"/>
      <c r="AU38" s="82"/>
      <c r="AV38" s="82"/>
      <c r="AW38" s="82"/>
      <c r="AX38" s="82"/>
      <c r="AY38" s="82"/>
      <c r="AZ38" s="82"/>
      <c r="BA38" s="83"/>
      <c r="BB38" s="3"/>
    </row>
    <row r="39" spans="1:54" ht="18.75" customHeight="1" x14ac:dyDescent="0.2">
      <c r="A39" s="3"/>
      <c r="B39" s="101"/>
      <c r="C39" s="88" t="s">
        <v>0</v>
      </c>
      <c r="D39" s="88"/>
      <c r="E39" s="88" t="s">
        <v>96</v>
      </c>
      <c r="F39" s="88"/>
      <c r="G39" s="88" t="s">
        <v>0</v>
      </c>
      <c r="H39" s="88"/>
      <c r="I39" s="89" t="s">
        <v>1</v>
      </c>
      <c r="J39" s="196"/>
      <c r="K39" s="197"/>
      <c r="L39" s="197"/>
      <c r="M39" s="197"/>
      <c r="N39" s="198"/>
      <c r="O39" s="196"/>
      <c r="P39" s="197"/>
      <c r="Q39" s="197"/>
      <c r="R39" s="198"/>
      <c r="S39" s="59" t="s">
        <v>40</v>
      </c>
      <c r="T39" s="60" t="s">
        <v>41</v>
      </c>
      <c r="U39" s="61"/>
      <c r="V39" s="207" t="s">
        <v>45</v>
      </c>
      <c r="W39" s="208"/>
      <c r="X39" s="208"/>
      <c r="Y39" s="208"/>
      <c r="Z39" s="209"/>
      <c r="AA39" s="3"/>
      <c r="AB39" s="147"/>
      <c r="AC39" s="148"/>
      <c r="AD39" s="148"/>
      <c r="AE39" s="85" t="s">
        <v>76</v>
      </c>
      <c r="AF39" s="85"/>
      <c r="AG39" s="85"/>
      <c r="AH39" s="85"/>
      <c r="AI39" s="85"/>
      <c r="AJ39" s="85"/>
      <c r="AK39" s="85"/>
      <c r="AL39" s="85"/>
      <c r="AM39" s="85"/>
      <c r="AN39" s="85"/>
      <c r="AO39" s="85"/>
      <c r="AP39" s="85"/>
      <c r="AQ39" s="85"/>
      <c r="AR39" s="85"/>
      <c r="AS39" s="85"/>
      <c r="AT39" s="85"/>
      <c r="AU39" s="85"/>
      <c r="AV39" s="85"/>
      <c r="AW39" s="85"/>
      <c r="AX39" s="85"/>
      <c r="AY39" s="85"/>
      <c r="AZ39" s="85"/>
      <c r="BA39" s="99"/>
      <c r="BB39" s="3"/>
    </row>
    <row r="40" spans="1:54" ht="18.75" customHeight="1" thickBot="1" x14ac:dyDescent="0.25">
      <c r="A40" s="3"/>
      <c r="B40" s="227" t="s">
        <v>69</v>
      </c>
      <c r="C40" s="228"/>
      <c r="D40" s="228"/>
      <c r="E40" s="228"/>
      <c r="F40" s="228"/>
      <c r="G40" s="228"/>
      <c r="H40" s="228"/>
      <c r="I40" s="229"/>
      <c r="J40" s="193"/>
      <c r="K40" s="194"/>
      <c r="L40" s="194"/>
      <c r="M40" s="194"/>
      <c r="N40" s="195"/>
      <c r="O40" s="193"/>
      <c r="P40" s="194"/>
      <c r="Q40" s="194"/>
      <c r="R40" s="195"/>
      <c r="S40" s="44" t="s">
        <v>42</v>
      </c>
      <c r="T40" s="81" t="s">
        <v>43</v>
      </c>
      <c r="U40" s="63"/>
      <c r="V40" s="44" t="s">
        <v>23</v>
      </c>
      <c r="W40" s="202" t="s">
        <v>67</v>
      </c>
      <c r="X40" s="202"/>
      <c r="Y40" s="202"/>
      <c r="Z40" s="203"/>
      <c r="AA40" s="3"/>
      <c r="AB40" s="69"/>
      <c r="AC40" s="70"/>
      <c r="AD40" s="70"/>
      <c r="AE40" s="136" t="s">
        <v>78</v>
      </c>
      <c r="AF40" s="136"/>
      <c r="AG40" s="136"/>
      <c r="AH40" s="136"/>
      <c r="AI40" s="136"/>
      <c r="AJ40" s="136"/>
      <c r="AK40" s="136"/>
      <c r="AL40" s="136"/>
      <c r="AM40" s="136"/>
      <c r="AN40" s="136"/>
      <c r="AO40" s="136"/>
      <c r="AP40" s="136"/>
      <c r="AQ40" s="136"/>
      <c r="AR40" s="136"/>
      <c r="AS40" s="136"/>
      <c r="AT40" s="136"/>
      <c r="AU40" s="136"/>
      <c r="AV40" s="136"/>
      <c r="AW40" s="136"/>
      <c r="AX40" s="136"/>
      <c r="AY40" s="136"/>
      <c r="AZ40" s="136"/>
      <c r="BA40" s="137"/>
      <c r="BB40" s="3"/>
    </row>
    <row r="41" spans="1:54" ht="18.75" customHeight="1" x14ac:dyDescent="0.2">
      <c r="A41" s="3"/>
      <c r="B41" s="101"/>
      <c r="C41" s="88" t="s">
        <v>0</v>
      </c>
      <c r="D41" s="88"/>
      <c r="E41" s="88" t="s">
        <v>96</v>
      </c>
      <c r="F41" s="88"/>
      <c r="G41" s="88" t="s">
        <v>0</v>
      </c>
      <c r="H41" s="88"/>
      <c r="I41" s="89" t="s">
        <v>1</v>
      </c>
      <c r="J41" s="196"/>
      <c r="K41" s="197"/>
      <c r="L41" s="197"/>
      <c r="M41" s="197"/>
      <c r="N41" s="198"/>
      <c r="O41" s="196"/>
      <c r="P41" s="197"/>
      <c r="Q41" s="197"/>
      <c r="R41" s="198"/>
      <c r="S41" s="64" t="s">
        <v>40</v>
      </c>
      <c r="T41" s="65" t="s">
        <v>41</v>
      </c>
      <c r="U41" s="66"/>
      <c r="V41" s="207" t="s">
        <v>45</v>
      </c>
      <c r="W41" s="208"/>
      <c r="X41" s="208"/>
      <c r="Y41" s="208"/>
      <c r="Z41" s="209"/>
      <c r="AA41" s="3"/>
      <c r="AB41" s="145" t="s">
        <v>110</v>
      </c>
      <c r="AC41" s="145"/>
      <c r="AD41" s="145"/>
      <c r="AE41" s="145"/>
      <c r="AF41" s="145"/>
      <c r="AG41" s="145"/>
      <c r="AH41" s="145"/>
      <c r="AI41" s="145"/>
      <c r="AJ41" s="145"/>
      <c r="AK41" s="145"/>
      <c r="AL41" s="145"/>
      <c r="AM41" s="145"/>
      <c r="AN41" s="145"/>
      <c r="AO41" s="145"/>
      <c r="AP41" s="145"/>
      <c r="AQ41" s="145"/>
      <c r="AR41" s="145"/>
      <c r="AS41" s="145"/>
      <c r="AT41" s="145"/>
      <c r="AU41" s="145"/>
      <c r="AV41" s="145"/>
      <c r="AW41" s="145"/>
      <c r="AX41" s="145"/>
      <c r="AY41" s="145"/>
      <c r="AZ41" s="145"/>
      <c r="BA41" s="145"/>
      <c r="BB41" s="3"/>
    </row>
    <row r="42" spans="1:54" ht="18.75" customHeight="1" x14ac:dyDescent="0.15">
      <c r="A42" s="3"/>
      <c r="B42" s="227" t="s">
        <v>69</v>
      </c>
      <c r="C42" s="228"/>
      <c r="D42" s="228"/>
      <c r="E42" s="228"/>
      <c r="F42" s="228"/>
      <c r="G42" s="228"/>
      <c r="H42" s="228"/>
      <c r="I42" s="229"/>
      <c r="J42" s="193"/>
      <c r="K42" s="194"/>
      <c r="L42" s="194"/>
      <c r="M42" s="194"/>
      <c r="N42" s="195"/>
      <c r="O42" s="193"/>
      <c r="P42" s="194"/>
      <c r="Q42" s="194"/>
      <c r="R42" s="195"/>
      <c r="S42" s="44" t="s">
        <v>42</v>
      </c>
      <c r="T42" s="81" t="s">
        <v>43</v>
      </c>
      <c r="U42" s="63"/>
      <c r="V42" s="44" t="s">
        <v>23</v>
      </c>
      <c r="W42" s="202" t="s">
        <v>67</v>
      </c>
      <c r="X42" s="202"/>
      <c r="Y42" s="202"/>
      <c r="Z42" s="203"/>
      <c r="AA42" s="3"/>
      <c r="AB42" s="40" t="s">
        <v>111</v>
      </c>
      <c r="AC42" s="40"/>
      <c r="AD42" s="40"/>
      <c r="AE42" s="40"/>
      <c r="AF42" s="40"/>
      <c r="AG42" s="40"/>
      <c r="AH42" s="40"/>
      <c r="AI42" s="40"/>
      <c r="AJ42" s="40"/>
      <c r="AK42" s="40"/>
      <c r="AL42" s="40"/>
      <c r="AM42" s="40"/>
      <c r="AN42" s="40"/>
      <c r="AO42" s="40"/>
      <c r="AP42" s="40"/>
      <c r="AQ42" s="40"/>
      <c r="AR42" s="40"/>
      <c r="AS42" s="71"/>
      <c r="AT42" s="71"/>
      <c r="AU42" s="70"/>
      <c r="AV42" s="70"/>
      <c r="AW42" s="70"/>
      <c r="AX42" s="70"/>
      <c r="AY42" s="70"/>
      <c r="AZ42" s="70"/>
      <c r="BA42" s="70"/>
      <c r="BB42" s="3"/>
    </row>
    <row r="43" spans="1:54" ht="18.75" customHeight="1" x14ac:dyDescent="0.15">
      <c r="A43" s="3"/>
      <c r="B43" s="101"/>
      <c r="C43" s="88" t="s">
        <v>0</v>
      </c>
      <c r="D43" s="88"/>
      <c r="E43" s="88" t="s">
        <v>96</v>
      </c>
      <c r="F43" s="88"/>
      <c r="G43" s="88" t="s">
        <v>0</v>
      </c>
      <c r="H43" s="88"/>
      <c r="I43" s="89" t="s">
        <v>1</v>
      </c>
      <c r="J43" s="196"/>
      <c r="K43" s="197"/>
      <c r="L43" s="197"/>
      <c r="M43" s="197"/>
      <c r="N43" s="198"/>
      <c r="O43" s="196"/>
      <c r="P43" s="197"/>
      <c r="Q43" s="197"/>
      <c r="R43" s="198"/>
      <c r="S43" s="64" t="s">
        <v>40</v>
      </c>
      <c r="T43" s="65" t="s">
        <v>41</v>
      </c>
      <c r="U43" s="66"/>
      <c r="V43" s="207" t="s">
        <v>45</v>
      </c>
      <c r="W43" s="208"/>
      <c r="X43" s="208"/>
      <c r="Y43" s="208"/>
      <c r="Z43" s="209"/>
      <c r="AA43" s="3"/>
      <c r="AB43" s="72"/>
      <c r="AC43" s="72"/>
      <c r="AD43" s="72"/>
      <c r="AE43" s="72"/>
      <c r="AF43" s="72"/>
      <c r="AG43" s="72"/>
      <c r="AH43" s="72"/>
      <c r="AI43" s="72"/>
      <c r="AJ43" s="72"/>
      <c r="AK43" s="72"/>
      <c r="AL43" s="72"/>
      <c r="AM43" s="72"/>
      <c r="AN43" s="72"/>
      <c r="AO43" s="72"/>
      <c r="AP43" s="72"/>
      <c r="AQ43" s="72"/>
      <c r="AR43" s="72"/>
      <c r="AS43" s="71"/>
      <c r="AT43" s="71"/>
      <c r="AU43" s="70"/>
      <c r="AV43" s="70"/>
      <c r="AW43" s="70"/>
      <c r="AX43" s="70"/>
      <c r="AY43" s="70"/>
      <c r="AZ43" s="70"/>
      <c r="BA43" s="70"/>
      <c r="BB43" s="3"/>
    </row>
    <row r="44" spans="1:54" ht="18.75" customHeight="1" x14ac:dyDescent="0.15">
      <c r="A44" s="3"/>
      <c r="B44" s="243" t="s">
        <v>69</v>
      </c>
      <c r="C44" s="244"/>
      <c r="D44" s="244"/>
      <c r="E44" s="244"/>
      <c r="F44" s="244"/>
      <c r="G44" s="244"/>
      <c r="H44" s="244"/>
      <c r="I44" s="245"/>
      <c r="J44" s="193"/>
      <c r="K44" s="194"/>
      <c r="L44" s="194"/>
      <c r="M44" s="194"/>
      <c r="N44" s="195"/>
      <c r="O44" s="193"/>
      <c r="P44" s="194"/>
      <c r="Q44" s="194"/>
      <c r="R44" s="195"/>
      <c r="S44" s="44" t="s">
        <v>42</v>
      </c>
      <c r="T44" s="81" t="s">
        <v>43</v>
      </c>
      <c r="U44" s="63"/>
      <c r="V44" s="44" t="s">
        <v>23</v>
      </c>
      <c r="W44" s="202" t="s">
        <v>67</v>
      </c>
      <c r="X44" s="202"/>
      <c r="Y44" s="202"/>
      <c r="Z44" s="203"/>
      <c r="AA44" s="3"/>
      <c r="AB44" s="72"/>
      <c r="AC44" s="72"/>
      <c r="AD44" s="72"/>
      <c r="AE44" s="72"/>
      <c r="AF44" s="72"/>
      <c r="AG44" s="72"/>
      <c r="AH44" s="72"/>
      <c r="AI44" s="72"/>
      <c r="AJ44" s="72"/>
      <c r="AS44" s="71"/>
      <c r="AT44" s="71"/>
      <c r="AU44" s="70"/>
      <c r="AV44" s="70"/>
      <c r="AW44" s="70"/>
      <c r="AX44" s="70"/>
      <c r="AY44" s="70"/>
      <c r="AZ44" s="70"/>
      <c r="BA44" s="70"/>
      <c r="BB44" s="3"/>
    </row>
    <row r="45" spans="1:54" ht="18.75" customHeight="1" thickBot="1" x14ac:dyDescent="0.25">
      <c r="A45" s="3"/>
      <c r="B45" s="103"/>
      <c r="C45" s="91" t="s">
        <v>0</v>
      </c>
      <c r="D45" s="91"/>
      <c r="E45" s="91" t="s">
        <v>96</v>
      </c>
      <c r="F45" s="91"/>
      <c r="G45" s="91" t="s">
        <v>0</v>
      </c>
      <c r="H45" s="91"/>
      <c r="I45" s="92" t="s">
        <v>1</v>
      </c>
      <c r="J45" s="199"/>
      <c r="K45" s="200"/>
      <c r="L45" s="200"/>
      <c r="M45" s="200"/>
      <c r="N45" s="201"/>
      <c r="O45" s="199"/>
      <c r="P45" s="200"/>
      <c r="Q45" s="200"/>
      <c r="R45" s="201"/>
      <c r="S45" s="74" t="s">
        <v>40</v>
      </c>
      <c r="T45" s="75" t="s">
        <v>41</v>
      </c>
      <c r="U45" s="76"/>
      <c r="V45" s="204" t="s">
        <v>45</v>
      </c>
      <c r="W45" s="205"/>
      <c r="X45" s="205"/>
      <c r="Y45" s="205"/>
      <c r="Z45" s="206"/>
      <c r="AA45" s="3"/>
      <c r="AB45" s="309" t="s">
        <v>109</v>
      </c>
      <c r="AC45" s="309"/>
      <c r="AD45" s="116" t="s">
        <v>118</v>
      </c>
      <c r="AE45" s="98" t="s">
        <v>0</v>
      </c>
      <c r="AF45" s="116" t="s">
        <v>118</v>
      </c>
      <c r="AG45" s="98" t="s">
        <v>1</v>
      </c>
      <c r="AH45" s="116" t="s">
        <v>118</v>
      </c>
      <c r="AI45" s="98" t="s">
        <v>59</v>
      </c>
      <c r="AJ45" s="78"/>
      <c r="AS45" s="136" t="s">
        <v>88</v>
      </c>
      <c r="AT45" s="136"/>
      <c r="AU45" s="323" t="s">
        <v>115</v>
      </c>
      <c r="AV45" s="323"/>
      <c r="AW45" s="323"/>
      <c r="AX45" s="323"/>
      <c r="AY45" s="323"/>
      <c r="AZ45" s="323"/>
      <c r="BA45" s="70"/>
      <c r="BB45" s="3"/>
    </row>
    <row r="46" spans="1:54" ht="12.6" x14ac:dyDescent="0.2">
      <c r="D46" s="79" t="s">
        <v>91</v>
      </c>
      <c r="E46" s="84"/>
      <c r="F46" s="84"/>
      <c r="G46" s="84"/>
      <c r="H46" s="84"/>
      <c r="I46" s="84"/>
      <c r="J46" s="84"/>
      <c r="K46" s="84"/>
      <c r="L46" s="84"/>
      <c r="M46" s="80"/>
      <c r="N46" s="80"/>
      <c r="O46" s="80"/>
      <c r="P46" s="80"/>
      <c r="Q46" s="80"/>
      <c r="R46" s="80"/>
      <c r="S46" s="80"/>
      <c r="T46" s="80"/>
      <c r="U46" s="80"/>
      <c r="V46" s="80"/>
      <c r="W46" s="80"/>
      <c r="X46" s="80"/>
      <c r="Y46" s="80"/>
      <c r="Z46" s="80"/>
      <c r="AS46" s="138" t="s">
        <v>89</v>
      </c>
      <c r="AT46" s="138"/>
      <c r="AU46" s="138"/>
      <c r="AV46" s="138"/>
      <c r="AW46" s="138"/>
      <c r="AX46" s="138"/>
      <c r="AY46" s="138"/>
      <c r="AZ46" s="138"/>
    </row>
    <row r="47" spans="1:54" ht="18" customHeight="1" x14ac:dyDescent="0.2">
      <c r="D47" s="80"/>
      <c r="E47" s="80"/>
      <c r="F47" s="80"/>
      <c r="G47" s="80"/>
      <c r="H47" s="80"/>
      <c r="I47" s="80"/>
      <c r="J47" s="80"/>
      <c r="K47" s="80"/>
      <c r="L47" s="80"/>
    </row>
    <row r="48" spans="1:54" ht="18" customHeight="1" x14ac:dyDescent="0.2">
      <c r="D48" s="80"/>
      <c r="E48" s="80"/>
      <c r="F48" s="80"/>
      <c r="G48" s="80"/>
      <c r="H48" s="80"/>
      <c r="I48" s="80"/>
      <c r="J48" s="80"/>
      <c r="K48" s="80"/>
      <c r="L48" s="80"/>
    </row>
    <row r="49" spans="4:4" ht="18" customHeight="1" x14ac:dyDescent="0.2">
      <c r="D49" s="80" t="s">
        <v>33</v>
      </c>
    </row>
  </sheetData>
  <mergeCells count="191">
    <mergeCell ref="AD4:AE4"/>
    <mergeCell ref="AF4:AG4"/>
    <mergeCell ref="B5:D5"/>
    <mergeCell ref="E5:Q5"/>
    <mergeCell ref="R5:T5"/>
    <mergeCell ref="AB5:AH5"/>
    <mergeCell ref="D2:N3"/>
    <mergeCell ref="AB2:AH2"/>
    <mergeCell ref="AI2:BA2"/>
    <mergeCell ref="O3:T3"/>
    <mergeCell ref="V3:X3"/>
    <mergeCell ref="AB3:AH3"/>
    <mergeCell ref="AI3:BA4"/>
    <mergeCell ref="B4:D4"/>
    <mergeCell ref="E4:T4"/>
    <mergeCell ref="AB4:AC4"/>
    <mergeCell ref="AI5:BA6"/>
    <mergeCell ref="B6:D6"/>
    <mergeCell ref="E6:Q7"/>
    <mergeCell ref="R6:T8"/>
    <mergeCell ref="AB6:AC6"/>
    <mergeCell ref="AD6:AE6"/>
    <mergeCell ref="AF6:AG6"/>
    <mergeCell ref="B7:D7"/>
    <mergeCell ref="AB7:AH7"/>
    <mergeCell ref="AI7:BA8"/>
    <mergeCell ref="AI9:BA10"/>
    <mergeCell ref="B10:D10"/>
    <mergeCell ref="Q10:S10"/>
    <mergeCell ref="V10:Y10"/>
    <mergeCell ref="AB10:AC10"/>
    <mergeCell ref="AD10:AE10"/>
    <mergeCell ref="AF10:AG10"/>
    <mergeCell ref="B8:D8"/>
    <mergeCell ref="AB8:AC8"/>
    <mergeCell ref="AD8:AE8"/>
    <mergeCell ref="AF8:AG8"/>
    <mergeCell ref="B9:D9"/>
    <mergeCell ref="E9:E10"/>
    <mergeCell ref="AB9:AH9"/>
    <mergeCell ref="B11:D11"/>
    <mergeCell ref="E11:T11"/>
    <mergeCell ref="AB11:AH11"/>
    <mergeCell ref="AI11:BA12"/>
    <mergeCell ref="B12:D12"/>
    <mergeCell ref="G12:H12"/>
    <mergeCell ref="J12:K12"/>
    <mergeCell ref="AB12:AC12"/>
    <mergeCell ref="AD12:AE12"/>
    <mergeCell ref="AF12:AG12"/>
    <mergeCell ref="B13:D13"/>
    <mergeCell ref="E13:T14"/>
    <mergeCell ref="U13:V13"/>
    <mergeCell ref="X13:Z13"/>
    <mergeCell ref="AB13:BA13"/>
    <mergeCell ref="B14:D14"/>
    <mergeCell ref="AB14:BA17"/>
    <mergeCell ref="B15:F15"/>
    <mergeCell ref="G15:Z15"/>
    <mergeCell ref="B16:D16"/>
    <mergeCell ref="W19:Z19"/>
    <mergeCell ref="AB19:AE20"/>
    <mergeCell ref="G16:R17"/>
    <mergeCell ref="S16:Z17"/>
    <mergeCell ref="B17:C17"/>
    <mergeCell ref="B18:F18"/>
    <mergeCell ref="G18:H18"/>
    <mergeCell ref="I18:S18"/>
    <mergeCell ref="T18:U18"/>
    <mergeCell ref="V18:Z18"/>
    <mergeCell ref="AU19:AU20"/>
    <mergeCell ref="AV19:AV20"/>
    <mergeCell ref="AW19:AW20"/>
    <mergeCell ref="B20:D21"/>
    <mergeCell ref="N20:Q21"/>
    <mergeCell ref="R20:V21"/>
    <mergeCell ref="W20:Z21"/>
    <mergeCell ref="H21:I21"/>
    <mergeCell ref="AN19:AN20"/>
    <mergeCell ref="AO19:AO20"/>
    <mergeCell ref="AP19:AQ20"/>
    <mergeCell ref="AR19:AR20"/>
    <mergeCell ref="AS19:AS20"/>
    <mergeCell ref="AT19:AT20"/>
    <mergeCell ref="AG19:AH20"/>
    <mergeCell ref="AI19:AI20"/>
    <mergeCell ref="AJ19:AJ20"/>
    <mergeCell ref="AK19:AK20"/>
    <mergeCell ref="AL19:AL20"/>
    <mergeCell ref="AM19:AM20"/>
    <mergeCell ref="B19:D19"/>
    <mergeCell ref="E19:M19"/>
    <mergeCell ref="N19:Q19"/>
    <mergeCell ref="R19:V19"/>
    <mergeCell ref="B22:D23"/>
    <mergeCell ref="N22:Q23"/>
    <mergeCell ref="R22:V23"/>
    <mergeCell ref="W22:Z23"/>
    <mergeCell ref="AB22:AF22"/>
    <mergeCell ref="AH22:BA22"/>
    <mergeCell ref="H23:I23"/>
    <mergeCell ref="AB23:AI23"/>
    <mergeCell ref="AJ23:BA23"/>
    <mergeCell ref="N26:Q27"/>
    <mergeCell ref="R26:V27"/>
    <mergeCell ref="W26:Z27"/>
    <mergeCell ref="AJ26:BA26"/>
    <mergeCell ref="H27:I27"/>
    <mergeCell ref="AJ27:BA27"/>
    <mergeCell ref="B24:D25"/>
    <mergeCell ref="N24:Q25"/>
    <mergeCell ref="R24:V25"/>
    <mergeCell ref="W24:Z25"/>
    <mergeCell ref="AB24:AI24"/>
    <mergeCell ref="AJ24:BA24"/>
    <mergeCell ref="H25:I25"/>
    <mergeCell ref="AB25:AI27"/>
    <mergeCell ref="AJ25:BA25"/>
    <mergeCell ref="B26:D27"/>
    <mergeCell ref="B28:D29"/>
    <mergeCell ref="N28:Q29"/>
    <mergeCell ref="R28:V29"/>
    <mergeCell ref="W28:Z29"/>
    <mergeCell ref="AB28:AI28"/>
    <mergeCell ref="AJ28:BA28"/>
    <mergeCell ref="H29:I29"/>
    <mergeCell ref="AB29:AF29"/>
    <mergeCell ref="AJ29:AR29"/>
    <mergeCell ref="AS29:BA29"/>
    <mergeCell ref="AU31:BA31"/>
    <mergeCell ref="B32:F32"/>
    <mergeCell ref="G32:H32"/>
    <mergeCell ref="I32:S32"/>
    <mergeCell ref="T32:U32"/>
    <mergeCell ref="V32:Z32"/>
    <mergeCell ref="AB32:BA32"/>
    <mergeCell ref="B30:D31"/>
    <mergeCell ref="N30:Q31"/>
    <mergeCell ref="R30:V31"/>
    <mergeCell ref="W30:Z31"/>
    <mergeCell ref="AB30:AI30"/>
    <mergeCell ref="AJ30:AU30"/>
    <mergeCell ref="H31:I31"/>
    <mergeCell ref="AB31:AF31"/>
    <mergeCell ref="AH31:AI31"/>
    <mergeCell ref="AN31:AR31"/>
    <mergeCell ref="B33:I33"/>
    <mergeCell ref="J33:N33"/>
    <mergeCell ref="O33:R33"/>
    <mergeCell ref="S33:U33"/>
    <mergeCell ref="V33:Z33"/>
    <mergeCell ref="AB33:BA37"/>
    <mergeCell ref="B34:I34"/>
    <mergeCell ref="J34:N35"/>
    <mergeCell ref="O34:R35"/>
    <mergeCell ref="W34:Z34"/>
    <mergeCell ref="O38:R39"/>
    <mergeCell ref="W38:Z38"/>
    <mergeCell ref="AB38:AD38"/>
    <mergeCell ref="V39:Z39"/>
    <mergeCell ref="AB39:AD39"/>
    <mergeCell ref="V35:Z35"/>
    <mergeCell ref="B36:I36"/>
    <mergeCell ref="J36:N37"/>
    <mergeCell ref="O36:R37"/>
    <mergeCell ref="W36:Z36"/>
    <mergeCell ref="V37:Z37"/>
    <mergeCell ref="AB45:AC45"/>
    <mergeCell ref="AS45:AT45"/>
    <mergeCell ref="AU45:AZ45"/>
    <mergeCell ref="AS46:AZ46"/>
    <mergeCell ref="O10:P10"/>
    <mergeCell ref="B42:I42"/>
    <mergeCell ref="J42:N43"/>
    <mergeCell ref="O42:R43"/>
    <mergeCell ref="W42:Z42"/>
    <mergeCell ref="V43:Z43"/>
    <mergeCell ref="B44:I44"/>
    <mergeCell ref="J44:N45"/>
    <mergeCell ref="O44:R45"/>
    <mergeCell ref="W44:Z44"/>
    <mergeCell ref="V45:Z45"/>
    <mergeCell ref="B40:I40"/>
    <mergeCell ref="J40:N41"/>
    <mergeCell ref="O40:R41"/>
    <mergeCell ref="W40:Z40"/>
    <mergeCell ref="AE40:BA40"/>
    <mergeCell ref="V41:Z41"/>
    <mergeCell ref="AB41:BA41"/>
    <mergeCell ref="B38:I38"/>
    <mergeCell ref="J38:N39"/>
  </mergeCells>
  <phoneticPr fontId="2"/>
  <pageMargins left="0.59055118110236227" right="0.47244094488188981" top="0.78740157480314965" bottom="0.55118110236220474" header="0.19685039370078741" footer="0.19685039370078741"/>
  <pageSetup paperSize="9" scale="92" fitToWidth="0" fitToHeight="0" orientation="portrait" r:id="rId1"/>
  <headerFooter alignWithMargins="0"/>
  <colBreaks count="1" manualBreakCount="1">
    <brk id="26" min="1" max="45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3</vt:i4>
      </vt:variant>
    </vt:vector>
  </HeadingPairs>
  <TitlesOfParts>
    <vt:vector size="7" baseType="lpstr">
      <vt:lpstr>Sheet2</vt:lpstr>
      <vt:lpstr>申込書(A4　両面）一般事務補助</vt:lpstr>
      <vt:lpstr>申込書(A4　両面）一般事務補助(障がいのある方)</vt:lpstr>
      <vt:lpstr>申込書(A4　両面）記入例</vt:lpstr>
      <vt:lpstr>'申込書(A4　両面）一般事務補助'!Print_Area</vt:lpstr>
      <vt:lpstr>'申込書(A4　両面）一般事務補助(障がいのある方)'!Print_Area</vt:lpstr>
      <vt:lpstr>'申込書(A4　両面）記入例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inji</dc:creator>
  <cp:lastModifiedBy>古川　侑希</cp:lastModifiedBy>
  <cp:lastPrinted>2024-11-28T12:40:22Z</cp:lastPrinted>
  <dcterms:created xsi:type="dcterms:W3CDTF">2005-05-23T07:30:58Z</dcterms:created>
  <dcterms:modified xsi:type="dcterms:W3CDTF">2025-01-14T02:59:24Z</dcterms:modified>
</cp:coreProperties>
</file>